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notesMasterIdLst>
    <p:notesMasterId r:id="rId4"/>
  </p:notesMasterIdLst>
  <p:sldIdLst>
    <p:sldId id="268" r:id="rId2"/>
    <p:sldId id="276" r:id="rId3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A1F2"/>
    <a:srgbClr val="000000"/>
    <a:srgbClr val="0996FF"/>
    <a:srgbClr val="008DF6"/>
    <a:srgbClr val="0594FF"/>
    <a:srgbClr val="737373"/>
    <a:srgbClr val="FFC000"/>
    <a:srgbClr val="FED644"/>
    <a:srgbClr val="FD9F15"/>
    <a:srgbClr val="FC891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55" d="100"/>
          <a:sy n="155" d="100"/>
        </p:scale>
        <p:origin x="276" y="120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3D78E80-8655-48D4-803A-7527FCEF136B}" type="datetimeFigureOut">
              <a:rPr lang="en-US" smtClean="0"/>
              <a:t>7/1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B6BA7B1-6012-425B-9FAF-EC7B28082BE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74393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B6BA7B1-6012-425B-9FAF-EC7B28082BE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897726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411647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914917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4781"/>
            <a:ext cx="2057400" cy="329088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4781"/>
            <a:ext cx="6019800" cy="329088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4825034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42372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39742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9899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36751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625207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01773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997207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69967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699311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0" Type="http://schemas.openxmlformats.org/officeDocument/2006/relationships/image" Target="../media/image11.sv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slideLayout" Target="../slideLayouts/slideLayout7.xml"/><Relationship Id="rId165" Type="http://schemas.openxmlformats.org/officeDocument/2006/relationships/image" Target="../media/image6.pn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image" Target="../media/image12.png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notesSlide" Target="../notesSlides/notesSlide1.xml"/><Relationship Id="rId166" Type="http://schemas.openxmlformats.org/officeDocument/2006/relationships/image" Target="../media/image7.sv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image" Target="../media/image5.png"/><Relationship Id="rId169" Type="http://schemas.openxmlformats.org/officeDocument/2006/relationships/image" Target="../media/image10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72" Type="http://schemas.openxmlformats.org/officeDocument/2006/relationships/image" Target="../media/image13.svg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image" Target="../media/image8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image" Target="../media/image3.pn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image" Target="../media/image14.pn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image" Target="../media/image9.sv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image" Target="../media/image4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image" Target="../media/image15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144" y="0"/>
            <a:ext cx="9129713" cy="51435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01973" y="4598745"/>
            <a:ext cx="1269686" cy="185764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454493" y="845859"/>
            <a:ext cx="8237349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406206" y="972076"/>
            <a:ext cx="3517164" cy="927356"/>
          </a:xfrm>
          <a:prstGeom prst="rect">
            <a:avLst/>
          </a:prstGeom>
        </p:spPr>
        <p:txBody>
          <a:bodyPr vert="horz" lIns="68580" tIns="34290" rIns="68580" bIns="3429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685800">
              <a:lnSpc>
                <a:spcPct val="114000"/>
              </a:lnSpc>
              <a:spcBef>
                <a:spcPts val="450"/>
              </a:spcBef>
              <a:spcAft>
                <a:spcPts val="900"/>
              </a:spcAft>
              <a:buNone/>
              <a:defRPr/>
            </a:pP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indent="0" defTabSz="685800">
              <a:lnSpc>
                <a:spcPct val="114000"/>
              </a:lnSpc>
              <a:spcBef>
                <a:spcPts val="450"/>
              </a:spcBef>
              <a:spcAft>
                <a:spcPts val="900"/>
              </a:spcAft>
              <a:buNone/>
              <a:defRPr/>
            </a:pP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sz="900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406206" y="333274"/>
            <a:ext cx="8237349" cy="4154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100" b="1" dirty="0">
                <a:solidFill>
                  <a:prstClr val="black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sz="1350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478136" y="2450876"/>
            <a:ext cx="3445233" cy="1373412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9437"/>
              <a:chOff x="7059389" y="785291"/>
              <a:chExt cx="366361" cy="329437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2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9437"/>
              <a:chOff x="637515" y="3893421"/>
              <a:chExt cx="366361" cy="329437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2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9437"/>
              <a:chOff x="637515" y="4654685"/>
              <a:chExt cx="366361" cy="329437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6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68580" tIns="34290" rIns="68580" bIns="3429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450"/>
                </a:spcAft>
                <a:buNone/>
                <a:defRPr/>
              </a:pPr>
              <a:r>
                <a:rPr lang="en-US" sz="900" dirty="0"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9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68580" tIns="34290" rIns="68580" bIns="3429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1500"/>
                </a:spcAft>
                <a:buNone/>
                <a:defRPr/>
              </a:pPr>
              <a:r>
                <a:rPr lang="en-US" sz="90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68580" tIns="34290" rIns="68580" bIns="3429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450"/>
                </a:spcAft>
                <a:buNone/>
                <a:defRPr/>
              </a:pPr>
              <a:r>
                <a:rPr lang="en-US" sz="900" dirty="0"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9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7" name="OTLSHAPE_SL_d0df052af2f94259b6034a1a18a5c525_HeaderRectangle">
            <a:extLst>
              <a:ext uri="{FF2B5EF4-FFF2-40B4-BE49-F238E27FC236}">
                <a16:creationId xmlns:a16="http://schemas.microsoft.com/office/drawing/2014/main" id="{C02CBAAF-EE81-03C5-15D5-D50907700B5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05988"/>
            <a:ext cx="901700" cy="2454484"/>
          </a:xfrm>
          <a:prstGeom prst="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27D6561F-EA60-6A43-A2A5-BB948D33CC46}"/>
              </a:ext>
            </a:extLst>
          </p:cNvPr>
          <p:cNvSpPr/>
          <p:nvPr/>
        </p:nvSpPr>
        <p:spPr>
          <a:xfrm>
            <a:off x="724491" y="864029"/>
            <a:ext cx="7954520" cy="3841321"/>
          </a:xfrm>
          <a:prstGeom prst="roundRect">
            <a:avLst>
              <a:gd name="adj" fmla="val 808"/>
            </a:avLst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07" name="OTLSHAPE_SL_d0df052af2f94259b6034a1a18a5c525_BackgroundRectangle">
            <a:extLst>
              <a:ext uri="{FF2B5EF4-FFF2-40B4-BE49-F238E27FC236}">
                <a16:creationId xmlns:a16="http://schemas.microsoft.com/office/drawing/2014/main" id="{8EB9D89C-C09C-1443-C5E4-606DF58A4BD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82163" y="2205988"/>
            <a:ext cx="7223636" cy="2454484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80" name="OTLSHAPE_SL2A_bfa61c9b847340d0a77f70d8ed2265a6_BackgroundRectangle" hidden="1">
            <a:extLst>
              <a:ext uri="{FF2B5EF4-FFF2-40B4-BE49-F238E27FC236}">
                <a16:creationId xmlns:a16="http://schemas.microsoft.com/office/drawing/2014/main" id="{9D26237B-6D79-2BE9-F26C-D1DDC95EDD9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2205988"/>
            <a:ext cx="7340600" cy="2454484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1" name="OTLSHAPE_TB_00000000000000000000000000000000_LeftEndCaps" hidden="1">
            <a:extLst>
              <a:ext uri="{FF2B5EF4-FFF2-40B4-BE49-F238E27FC236}">
                <a16:creationId xmlns:a16="http://schemas.microsoft.com/office/drawing/2014/main" id="{5CC82B90-67AE-CBF9-62F6-C973F35B456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6</a:t>
            </a:r>
          </a:p>
        </p:txBody>
      </p:sp>
      <p:sp>
        <p:nvSpPr>
          <p:cNvPr id="448" name="OTLSHAPE_TB_00000000000000000000000000000000_RightEndCaps" hidden="1">
            <a:extLst>
              <a:ext uri="{FF2B5EF4-FFF2-40B4-BE49-F238E27FC236}">
                <a16:creationId xmlns:a16="http://schemas.microsoft.com/office/drawing/2014/main" id="{D2FB2151-42CB-2B35-44BE-740FE67C389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cxnSp>
        <p:nvCxnSpPr>
          <p:cNvPr id="517" name="OTLSHAPE_M_fd5b0a5e7d134d4ba1f7878cf8fe3cd8_Connector1">
            <a:extLst>
              <a:ext uri="{FF2B5EF4-FFF2-40B4-BE49-F238E27FC236}">
                <a16:creationId xmlns:a16="http://schemas.microsoft.com/office/drawing/2014/main" id="{E0498028-34E6-EAD4-0AE9-749A903B310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154056" y="1195057"/>
            <a:ext cx="0" cy="403908"/>
          </a:xfrm>
          <a:prstGeom prst="line">
            <a:avLst/>
          </a:prstGeom>
          <a:ln w="7620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1" name="OTLSHAPE_M_861fcf0cb3cc41ccbc6442702d94fe7d_Connector1">
            <a:extLst>
              <a:ext uri="{FF2B5EF4-FFF2-40B4-BE49-F238E27FC236}">
                <a16:creationId xmlns:a16="http://schemas.microsoft.com/office/drawing/2014/main" id="{3C39AF51-DBFF-33FB-09C4-5DB50FD6789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921855" y="1567854"/>
            <a:ext cx="0" cy="365085"/>
          </a:xfrm>
          <a:prstGeom prst="line">
            <a:avLst/>
          </a:prstGeom>
          <a:ln w="7620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1" name="OTLSHAPE_M_aaf7acd9e23847ecafc7b536eb85704c_Connector1">
            <a:extLst>
              <a:ext uri="{FF2B5EF4-FFF2-40B4-BE49-F238E27FC236}">
                <a16:creationId xmlns:a16="http://schemas.microsoft.com/office/drawing/2014/main" id="{E0F9B04E-8984-3AB8-D445-DA915D271C8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285579" y="1551516"/>
            <a:ext cx="0" cy="63500"/>
          </a:xfrm>
          <a:prstGeom prst="line">
            <a:avLst/>
          </a:prstGeom>
          <a:ln w="7620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fd5b0a5e7d134d4ba1f7878cf8fe3cd8_Connector2">
            <a:extLst>
              <a:ext uri="{FF2B5EF4-FFF2-40B4-BE49-F238E27FC236}">
                <a16:creationId xmlns:a16="http://schemas.microsoft.com/office/drawing/2014/main" id="{6F745A41-7CD0-F417-0608-992CBB1FA24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154056" y="1847040"/>
            <a:ext cx="0" cy="85899"/>
          </a:xfrm>
          <a:prstGeom prst="line">
            <a:avLst/>
          </a:prstGeom>
          <a:ln w="7620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0c78f70def3a43a8b3c29b212a699dbb_Connector1">
            <a:extLst>
              <a:ext uri="{FF2B5EF4-FFF2-40B4-BE49-F238E27FC236}">
                <a16:creationId xmlns:a16="http://schemas.microsoft.com/office/drawing/2014/main" id="{A9FA66E4-4F85-1C19-F9AE-53001AE9F27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519109" y="1723002"/>
            <a:ext cx="0" cy="209936"/>
          </a:xfrm>
          <a:prstGeom prst="line">
            <a:avLst/>
          </a:prstGeom>
          <a:ln w="7620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aaf7acd9e23847ecafc7b536eb85704c_Connector2">
            <a:extLst>
              <a:ext uri="{FF2B5EF4-FFF2-40B4-BE49-F238E27FC236}">
                <a16:creationId xmlns:a16="http://schemas.microsoft.com/office/drawing/2014/main" id="{E01C4870-4B1E-F304-0EA7-7C0328450C9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285579" y="1863089"/>
            <a:ext cx="0" cy="69850"/>
          </a:xfrm>
          <a:prstGeom prst="line">
            <a:avLst/>
          </a:prstGeom>
          <a:ln w="7620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b72b783bb6fb4f74b3f12016f0e6f868_Connector1">
            <a:extLst>
              <a:ext uri="{FF2B5EF4-FFF2-40B4-BE49-F238E27FC236}">
                <a16:creationId xmlns:a16="http://schemas.microsoft.com/office/drawing/2014/main" id="{B6804C6D-B3E7-B8C4-68A4-DB6594156AA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826495" y="1723002"/>
            <a:ext cx="0" cy="209936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338410D-ADFC-FFB3-3A26-97EED3DCE06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1913888"/>
            <a:ext cx="7213600" cy="254000"/>
          </a:xfrm>
          <a:prstGeom prst="roundRect">
            <a:avLst/>
          </a:prstGeom>
          <a:solidFill>
            <a:srgbClr val="1DA1F2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3" name="OTLSHAPE_SL2A_bfa61c9b847340d0a77f70d8ed2265a6_HeaderRectangle" hidden="1">
            <a:extLst>
              <a:ext uri="{FF2B5EF4-FFF2-40B4-BE49-F238E27FC236}">
                <a16:creationId xmlns:a16="http://schemas.microsoft.com/office/drawing/2014/main" id="{314DF2D2-AB44-D181-E8F9-C5C3DDDB0D4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65200" y="2205988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45" name="OTLSHAPE_SLM_b48564b63ee847d4b1d21b6b600ddaea_Shape">
            <a:extLst>
              <a:ext uri="{FF2B5EF4-FFF2-40B4-BE49-F238E27FC236}">
                <a16:creationId xmlns:a16="http://schemas.microsoft.com/office/drawing/2014/main" id="{F1351FD6-B191-0B2A-881A-F9D31C6A26F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467067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50" name="OTLSHAPE_SLM_82e77c99b85143d1ae96bb1ec3a6149c_Shape">
            <a:extLst>
              <a:ext uri="{FF2B5EF4-FFF2-40B4-BE49-F238E27FC236}">
                <a16:creationId xmlns:a16="http://schemas.microsoft.com/office/drawing/2014/main" id="{20A0563B-620B-A481-8CEC-63D2D984FE1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948543" y="3264744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51" name="OTLSHAPE_SLM_8162ad5062bd457b905c3325d6b19630_Shape">
            <a:extLst>
              <a:ext uri="{FF2B5EF4-FFF2-40B4-BE49-F238E27FC236}">
                <a16:creationId xmlns:a16="http://schemas.microsoft.com/office/drawing/2014/main" id="{B28713E4-6EC4-4BD8-FC5D-884178A4C3B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160668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52" name="OTLSHAPE_SLM_929baa584a65404e84692d2a364eeb00_Shape">
            <a:extLst>
              <a:ext uri="{FF2B5EF4-FFF2-40B4-BE49-F238E27FC236}">
                <a16:creationId xmlns:a16="http://schemas.microsoft.com/office/drawing/2014/main" id="{49E373E5-F0FB-6473-DAE8-BDDB8686DC6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279064" y="4161363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53" name="OTLSHAPE_SLM_8e39aa2325d04c13825b40c829380841_Shape">
            <a:extLst>
              <a:ext uri="{FF2B5EF4-FFF2-40B4-BE49-F238E27FC236}">
                <a16:creationId xmlns:a16="http://schemas.microsoft.com/office/drawing/2014/main" id="{2C6B4C78-638C-E57A-0368-309D7D36BDB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579000" y="3264744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55" name="OTLSHAPE_SLM_058c0b10354c496688034c4d27d12a37_Shape">
            <a:extLst>
              <a:ext uri="{FF2B5EF4-FFF2-40B4-BE49-F238E27FC236}">
                <a16:creationId xmlns:a16="http://schemas.microsoft.com/office/drawing/2014/main" id="{FDCAD608-0321-261D-2BE6-AFDB5A98324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999304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56" name="OTLSHAPE_SLM_199c97acadb644b8b58bad3403eb8b94_Shape">
            <a:extLst>
              <a:ext uri="{FF2B5EF4-FFF2-40B4-BE49-F238E27FC236}">
                <a16:creationId xmlns:a16="http://schemas.microsoft.com/office/drawing/2014/main" id="{3D5BBC09-80DD-3352-0698-E9A644F4760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179857" y="4161363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57" name="OTLSHAPE_SLM_63eacbfcd4924fb7a949108d6730609d_Shape">
            <a:extLst>
              <a:ext uri="{FF2B5EF4-FFF2-40B4-BE49-F238E27FC236}">
                <a16:creationId xmlns:a16="http://schemas.microsoft.com/office/drawing/2014/main" id="{F211B4F7-5E27-C3DC-6C68-132D68A6C71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69641" y="3264744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58" name="OTLSHAPE_SLM_15891565700843c8a5b6c2dfeee6b301_Shape">
            <a:extLst>
              <a:ext uri="{FF2B5EF4-FFF2-40B4-BE49-F238E27FC236}">
                <a16:creationId xmlns:a16="http://schemas.microsoft.com/office/drawing/2014/main" id="{4E1BB75E-1061-6857-683A-569A099E086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480780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0" name="OTLSHAPE_SLM_5f52c400862c4fac83edc18c852d046c_Shape">
            <a:extLst>
              <a:ext uri="{FF2B5EF4-FFF2-40B4-BE49-F238E27FC236}">
                <a16:creationId xmlns:a16="http://schemas.microsoft.com/office/drawing/2014/main" id="{A03A049C-4992-7650-EF9B-E574A528A2F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31670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1" name="OTLSHAPE_SLM_2bd5b99fb6bc42bea6156ae8f57a643e_Shape">
            <a:extLst>
              <a:ext uri="{FF2B5EF4-FFF2-40B4-BE49-F238E27FC236}">
                <a16:creationId xmlns:a16="http://schemas.microsoft.com/office/drawing/2014/main" id="{1B02D838-DFCF-4F09-FF3E-A79792BBDD1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110250" y="4161363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2" name="OTLSHAPE_SLM_5467bb71ec434575a9b455595f045d60_Shape">
            <a:extLst>
              <a:ext uri="{FF2B5EF4-FFF2-40B4-BE49-F238E27FC236}">
                <a16:creationId xmlns:a16="http://schemas.microsoft.com/office/drawing/2014/main" id="{7F2A6E88-33F8-20A8-362D-B6B3A1F9CD5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440771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4" name="OTLSHAPE_SLM_29473fa77fdf4236adf652b6f7b70796_Shape">
            <a:extLst>
              <a:ext uri="{FF2B5EF4-FFF2-40B4-BE49-F238E27FC236}">
                <a16:creationId xmlns:a16="http://schemas.microsoft.com/office/drawing/2014/main" id="{32FA163B-B140-DA7C-01DE-9239DDC53B8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711108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5" name="OTLSHAPE_SLM_07daadf7da1241e2bd66896e787c03f1_Shape">
            <a:extLst>
              <a:ext uri="{FF2B5EF4-FFF2-40B4-BE49-F238E27FC236}">
                <a16:creationId xmlns:a16="http://schemas.microsoft.com/office/drawing/2014/main" id="{769DD690-AE38-3995-0C28-5A259C3F43D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741694" y="3264744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6" name="OTLSHAPE_SLM_c268ab6cf6bb41dd83fb213ff1e7f380_Shape">
            <a:extLst>
              <a:ext uri="{FF2B5EF4-FFF2-40B4-BE49-F238E27FC236}">
                <a16:creationId xmlns:a16="http://schemas.microsoft.com/office/drawing/2014/main" id="{59D3D36E-E78B-73F5-DBED-5DAEAD14E19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312952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7" name="OTLSHAPE_SLM_fff9981fc2a84ca28e79d291948fab77_Shape">
            <a:extLst>
              <a:ext uri="{FF2B5EF4-FFF2-40B4-BE49-F238E27FC236}">
                <a16:creationId xmlns:a16="http://schemas.microsoft.com/office/drawing/2014/main" id="{656A416D-468D-EEA9-8123-E451ED9BBA2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342551" y="4161363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8" name="OTLSHAPE_SLM_481f8b10f6ed4464990d3381df14b89d_Shape">
            <a:extLst>
              <a:ext uri="{FF2B5EF4-FFF2-40B4-BE49-F238E27FC236}">
                <a16:creationId xmlns:a16="http://schemas.microsoft.com/office/drawing/2014/main" id="{A8D69416-DD00-A262-BE52-AFF0AE278DC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582302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9" name="OTLSHAPE_SLM_6fe2650375714f0b93e71a6077e2b811_Shape">
            <a:extLst>
              <a:ext uri="{FF2B5EF4-FFF2-40B4-BE49-F238E27FC236}">
                <a16:creationId xmlns:a16="http://schemas.microsoft.com/office/drawing/2014/main" id="{26169960-13B8-F825-A9A5-BD20C165D3E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882238" y="4161363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0" name="OTLSHAPE_SLM_e8756503213e4550b45435968aad361d_Shape">
            <a:extLst>
              <a:ext uri="{FF2B5EF4-FFF2-40B4-BE49-F238E27FC236}">
                <a16:creationId xmlns:a16="http://schemas.microsoft.com/office/drawing/2014/main" id="{FDA9B2A8-BA07-4296-DF4D-1EE740BF768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002607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1" name="OTLSHAPE_SLM_eaf41d29730b48bb9c28a418e23cf90b_Shape">
            <a:extLst>
              <a:ext uri="{FF2B5EF4-FFF2-40B4-BE49-F238E27FC236}">
                <a16:creationId xmlns:a16="http://schemas.microsoft.com/office/drawing/2014/main" id="{EC388549-5992-4D46-B33D-93B5FDEADE7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272943" y="4161363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2" name="OTLSHAPE_SLM_6865b7bf2f42447bb1abcee077de5868_Shape">
            <a:extLst>
              <a:ext uri="{FF2B5EF4-FFF2-40B4-BE49-F238E27FC236}">
                <a16:creationId xmlns:a16="http://schemas.microsoft.com/office/drawing/2014/main" id="{C19F6D81-E979-2F49-7BB8-CE53BB2234B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94299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3" name="OTLSHAPE_SLM_073788f8500c4569a96ca19c15e8ab03_Shape">
            <a:extLst>
              <a:ext uri="{FF2B5EF4-FFF2-40B4-BE49-F238E27FC236}">
                <a16:creationId xmlns:a16="http://schemas.microsoft.com/office/drawing/2014/main" id="{8E4E63E7-97B8-6A60-0C6B-4DFC845E398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512695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4" name="OTLSHAPE_SLM_c47c4a24f3c44c88bea662ac7daa4f19_Shape">
            <a:extLst>
              <a:ext uri="{FF2B5EF4-FFF2-40B4-BE49-F238E27FC236}">
                <a16:creationId xmlns:a16="http://schemas.microsoft.com/office/drawing/2014/main" id="{8F461B65-72EB-47ED-D0BE-1AA751B6EF5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543280" y="4161363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5" name="OTLSHAPE_SLM_5926aea928674304bc9df5d0d4514b9e_Shape">
            <a:extLst>
              <a:ext uri="{FF2B5EF4-FFF2-40B4-BE49-F238E27FC236}">
                <a16:creationId xmlns:a16="http://schemas.microsoft.com/office/drawing/2014/main" id="{4E8335A6-2362-45FE-51A1-468137C2D27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603465" y="3264744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6" name="OTLSHAPE_SLM_a913a9b9884e48c69f9241c0e0ee4e5e_Shape">
            <a:extLst>
              <a:ext uri="{FF2B5EF4-FFF2-40B4-BE49-F238E27FC236}">
                <a16:creationId xmlns:a16="http://schemas.microsoft.com/office/drawing/2014/main" id="{66B3C161-E928-9EAF-7ABA-AE738128EE7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903400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8" name="OTLSHAPE_SLM_e40233a34ab3456b8e19e384efa82d6d_Shape">
            <a:extLst>
              <a:ext uri="{FF2B5EF4-FFF2-40B4-BE49-F238E27FC236}">
                <a16:creationId xmlns:a16="http://schemas.microsoft.com/office/drawing/2014/main" id="{772E2EE7-05F1-B4CF-F36A-7C35674FA00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174724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9" name="OTLSHAPE_SLM_c6ea2914950447d0ae76499c3715058c_Shape">
            <a:extLst>
              <a:ext uri="{FF2B5EF4-FFF2-40B4-BE49-F238E27FC236}">
                <a16:creationId xmlns:a16="http://schemas.microsoft.com/office/drawing/2014/main" id="{E2BE6CB4-8021-E937-8327-3A5FBBFCE81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232935" y="4161363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04" name="OTLSHAPE_SLM_a807da70294b49e18968c25d71febe13_Shape">
            <a:extLst>
              <a:ext uri="{FF2B5EF4-FFF2-40B4-BE49-F238E27FC236}">
                <a16:creationId xmlns:a16="http://schemas.microsoft.com/office/drawing/2014/main" id="{865F481B-C2A4-05DB-91AE-3928B12A693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497653" y="4161363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49" name="OTLSHAPE_TB_00000000000000000000000000000000_ElapsedTime" hidden="1">
            <a:extLst>
              <a:ext uri="{FF2B5EF4-FFF2-40B4-BE49-F238E27FC236}">
                <a16:creationId xmlns:a16="http://schemas.microsoft.com/office/drawing/2014/main" id="{C7EC89AE-ED3F-9C09-DD83-39CA28E1E1F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92200" y="1913888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" name="OTLSHAPE_SLM_028809a62af7491496c52e208d517283_Shape">
            <a:extLst>
              <a:ext uri="{FF2B5EF4-FFF2-40B4-BE49-F238E27FC236}">
                <a16:creationId xmlns:a16="http://schemas.microsoft.com/office/drawing/2014/main" id="{2DE820C2-2F5B-DF48-0CC6-E2C838C03B7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669026" y="3264744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" name="OTLSHAPE_SLM_cfe7672a0fdd442bad3e6b8d59407805_Shape">
            <a:extLst>
              <a:ext uri="{FF2B5EF4-FFF2-40B4-BE49-F238E27FC236}">
                <a16:creationId xmlns:a16="http://schemas.microsoft.com/office/drawing/2014/main" id="{CA56F6E4-9D25-4566-37AB-349829003EA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353304" y="2616198"/>
            <a:ext cx="88900" cy="8889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84" name="OTLSHAPE_SL_d0df052af2f94259b6034a1a18a5c525_Header">
            <a:extLst>
              <a:ext uri="{FF2B5EF4-FFF2-40B4-BE49-F238E27FC236}">
                <a16:creationId xmlns:a16="http://schemas.microsoft.com/office/drawing/2014/main" id="{275FEA67-85B3-9EE4-9496-C5DE07F8563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 rot="16200000">
            <a:off x="-712892" y="3433230"/>
            <a:ext cx="2454484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8" name="OTLSHAPE_SL2A_bfa61c9b847340d0a77f70d8ed2265a6_Header" hidden="1">
            <a:extLst>
              <a:ext uri="{FF2B5EF4-FFF2-40B4-BE49-F238E27FC236}">
                <a16:creationId xmlns:a16="http://schemas.microsoft.com/office/drawing/2014/main" id="{98E5AF2F-1FF6-15FB-B918-8F2E4EE3C49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4" name="OTLSHAPE_TB_00000000000000000000000000000000_TodayMarkerShape" hidden="1">
            <a:extLst>
              <a:ext uri="{FF2B5EF4-FFF2-40B4-BE49-F238E27FC236}">
                <a16:creationId xmlns:a16="http://schemas.microsoft.com/office/drawing/2014/main" id="{03497D84-0325-3D8E-0DD4-5BCA269653C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722251" y="2167888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F956CE9-67A5-8777-0C3A-07975893684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155700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6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63103F3-0F15-E2AD-6855-596CCF531AB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875940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8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59E75E6-7F5D-30BC-BD08-B83241F64E1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597167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0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D5E76F8-83A3-6B47-8A88-DC90BAA5817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317407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2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2E298381-6B1A-E6D1-7775-C058F3FEB4C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038634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4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653C5BDD-899A-95C4-5FA9-E2655DC49FB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758874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56C64283-4517-6DF1-724B-A5E8CBF25B2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480101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1CD4A1C4-EFAB-2ED1-4DB8-16F3F22EE3A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200341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A6324126-6A9B-D319-69A5-6017E771032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921567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331" name="OTLSHAPE_SLM_b48564b63ee847d4b1d21b6b600ddaea_Title">
            <a:extLst>
              <a:ext uri="{FF2B5EF4-FFF2-40B4-BE49-F238E27FC236}">
                <a16:creationId xmlns:a16="http://schemas.microsoft.com/office/drawing/2014/main" id="{1C4C465A-B5D6-28CC-1BD3-F57366E4904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378315" y="2244088"/>
            <a:ext cx="2794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XSW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ward</a:t>
            </a:r>
          </a:p>
        </p:txBody>
      </p:sp>
      <p:sp>
        <p:nvSpPr>
          <p:cNvPr id="332" name="OTLSHAPE_SLM_b48564b63ee847d4b1d21b6b600ddaea_Date">
            <a:extLst>
              <a:ext uri="{FF2B5EF4-FFF2-40B4-BE49-F238E27FC236}">
                <a16:creationId xmlns:a16="http://schemas.microsoft.com/office/drawing/2014/main" id="{57A453BE-1534-C37C-9BE9-F08F3395D7E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311577" y="2492161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07</a:t>
            </a:r>
          </a:p>
        </p:txBody>
      </p:sp>
      <p:sp>
        <p:nvSpPr>
          <p:cNvPr id="340" name="OTLSHAPE_SLM_82e77c99b85143d1ae96bb1ec3a6149c_Title">
            <a:extLst>
              <a:ext uri="{FF2B5EF4-FFF2-40B4-BE49-F238E27FC236}">
                <a16:creationId xmlns:a16="http://schemas.microsoft.com/office/drawing/2014/main" id="{59598760-71A5-556B-15C6-189B84ADCB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830729" y="3353643"/>
            <a:ext cx="3429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B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unding</a:t>
            </a:r>
          </a:p>
        </p:txBody>
      </p:sp>
      <p:sp>
        <p:nvSpPr>
          <p:cNvPr id="341" name="OTLSHAPE_SLM_82e77c99b85143d1ae96bb1ec3a6149c_Date">
            <a:extLst>
              <a:ext uri="{FF2B5EF4-FFF2-40B4-BE49-F238E27FC236}">
                <a16:creationId xmlns:a16="http://schemas.microsoft.com/office/drawing/2014/main" id="{92FEB919-5741-7563-C2D8-B236A705999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823998" y="3601716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08</a:t>
            </a:r>
          </a:p>
        </p:txBody>
      </p:sp>
      <p:sp>
        <p:nvSpPr>
          <p:cNvPr id="343" name="OTLSHAPE_SLM_8162ad5062bd457b905c3325d6b19630_Title">
            <a:extLst>
              <a:ext uri="{FF2B5EF4-FFF2-40B4-BE49-F238E27FC236}">
                <a16:creationId xmlns:a16="http://schemas.microsoft.com/office/drawing/2014/main" id="{FFBFF76C-A32B-F462-D8A3-9284FC90322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846343" y="2244088"/>
            <a:ext cx="7366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pularity surge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igh-profile users</a:t>
            </a:r>
          </a:p>
        </p:txBody>
      </p:sp>
      <p:sp>
        <p:nvSpPr>
          <p:cNvPr id="344" name="OTLSHAPE_SLM_8162ad5062bd457b905c3325d6b19630_Date">
            <a:extLst>
              <a:ext uri="{FF2B5EF4-FFF2-40B4-BE49-F238E27FC236}">
                <a16:creationId xmlns:a16="http://schemas.microsoft.com/office/drawing/2014/main" id="{BF5CB1DC-2D80-D80E-CD23-B7C6A500B2B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016100" y="2492161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09</a:t>
            </a:r>
          </a:p>
        </p:txBody>
      </p:sp>
      <p:sp>
        <p:nvSpPr>
          <p:cNvPr id="346" name="OTLSHAPE_SLM_929baa584a65404e84692d2a364eeb00_Title">
            <a:extLst>
              <a:ext uri="{FF2B5EF4-FFF2-40B4-BE49-F238E27FC236}">
                <a16:creationId xmlns:a16="http://schemas.microsoft.com/office/drawing/2014/main" id="{B94AC796-F89E-3AA5-AAD5-896E0463805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028684" y="4250261"/>
            <a:ext cx="615216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ole in Irania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tests</a:t>
            </a:r>
          </a:p>
        </p:txBody>
      </p:sp>
      <p:sp>
        <p:nvSpPr>
          <p:cNvPr id="347" name="OTLSHAPE_SLM_929baa584a65404e84692d2a364eeb00_Date">
            <a:extLst>
              <a:ext uri="{FF2B5EF4-FFF2-40B4-BE49-F238E27FC236}">
                <a16:creationId xmlns:a16="http://schemas.microsoft.com/office/drawing/2014/main" id="{BDF6553F-8479-BEE8-4D15-8E0BBEEE00D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139491" y="449833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09</a:t>
            </a:r>
          </a:p>
        </p:txBody>
      </p:sp>
      <p:sp>
        <p:nvSpPr>
          <p:cNvPr id="352" name="OTLSHAPE_SLM_8e39aa2325d04c13825b40c829380841_Title">
            <a:extLst>
              <a:ext uri="{FF2B5EF4-FFF2-40B4-BE49-F238E27FC236}">
                <a16:creationId xmlns:a16="http://schemas.microsoft.com/office/drawing/2014/main" id="{4B947670-C0C5-F8B5-B97C-868F0F3B67F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417710" y="3353643"/>
            <a:ext cx="4191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mote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weets</a:t>
            </a:r>
          </a:p>
        </p:txBody>
      </p:sp>
      <p:sp>
        <p:nvSpPr>
          <p:cNvPr id="353" name="OTLSHAPE_SLM_8e39aa2325d04c13825b40c829380841_Date">
            <a:extLst>
              <a:ext uri="{FF2B5EF4-FFF2-40B4-BE49-F238E27FC236}">
                <a16:creationId xmlns:a16="http://schemas.microsoft.com/office/drawing/2014/main" id="{7529B66E-A002-342A-FD0B-6D467F23A36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435193" y="3601716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10</a:t>
            </a:r>
          </a:p>
        </p:txBody>
      </p:sp>
      <p:sp>
        <p:nvSpPr>
          <p:cNvPr id="358" name="OTLSHAPE_SLM_058c0b10354c496688034c4d27d12a37_Title">
            <a:extLst>
              <a:ext uri="{FF2B5EF4-FFF2-40B4-BE49-F238E27FC236}">
                <a16:creationId xmlns:a16="http://schemas.microsoft.com/office/drawing/2014/main" id="{1147A23E-B2F7-4C66-3C73-DFF4C6124F1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758322" y="2368125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oto sharing</a:t>
            </a:r>
          </a:p>
        </p:txBody>
      </p:sp>
      <p:sp>
        <p:nvSpPr>
          <p:cNvPr id="359" name="OTLSHAPE_SLM_058c0b10354c496688034c4d27d12a37_Date">
            <a:extLst>
              <a:ext uri="{FF2B5EF4-FFF2-40B4-BE49-F238E27FC236}">
                <a16:creationId xmlns:a16="http://schemas.microsoft.com/office/drawing/2014/main" id="{BADE36A3-1866-8014-9874-B82D8E347B5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859731" y="2492161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11</a:t>
            </a:r>
          </a:p>
        </p:txBody>
      </p:sp>
      <p:sp>
        <p:nvSpPr>
          <p:cNvPr id="361" name="OTLSHAPE_SLM_199c97acadb644b8b58bad3403eb8b94_Title">
            <a:extLst>
              <a:ext uri="{FF2B5EF4-FFF2-40B4-BE49-F238E27FC236}">
                <a16:creationId xmlns:a16="http://schemas.microsoft.com/office/drawing/2014/main" id="{FFF07FF9-98C2-6E4E-2A3B-4FEDEDBF6F8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825506" y="4250261"/>
            <a:ext cx="810185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tivity &amp; Discover </a:t>
            </a:r>
          </a:p>
        </p:txBody>
      </p:sp>
      <p:sp>
        <p:nvSpPr>
          <p:cNvPr id="362" name="OTLSHAPE_SLM_199c97acadb644b8b58bad3403eb8b94_Date">
            <a:extLst>
              <a:ext uri="{FF2B5EF4-FFF2-40B4-BE49-F238E27FC236}">
                <a16:creationId xmlns:a16="http://schemas.microsoft.com/office/drawing/2014/main" id="{38105ED4-6930-004F-EE7D-76954D9392B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031839" y="4374299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11</a:t>
            </a:r>
          </a:p>
        </p:txBody>
      </p:sp>
      <p:sp>
        <p:nvSpPr>
          <p:cNvPr id="364" name="OTLSHAPE_SLM_63eacbfcd4924fb7a949108d6730609d_Title">
            <a:extLst>
              <a:ext uri="{FF2B5EF4-FFF2-40B4-BE49-F238E27FC236}">
                <a16:creationId xmlns:a16="http://schemas.microsoft.com/office/drawing/2014/main" id="{EB3AEB9B-F71E-F18E-6DED-22ECE456119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998496" y="3353643"/>
            <a:ext cx="635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0 M monthl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tive users</a:t>
            </a:r>
          </a:p>
        </p:txBody>
      </p:sp>
      <p:sp>
        <p:nvSpPr>
          <p:cNvPr id="365" name="OTLSHAPE_SLM_63eacbfcd4924fb7a949108d6730609d_Date">
            <a:extLst>
              <a:ext uri="{FF2B5EF4-FFF2-40B4-BE49-F238E27FC236}">
                <a16:creationId xmlns:a16="http://schemas.microsoft.com/office/drawing/2014/main" id="{B5F2A8F3-4FD9-B736-270D-0DA56932B05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114151" y="3601716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12</a:t>
            </a:r>
          </a:p>
        </p:txBody>
      </p:sp>
      <p:sp>
        <p:nvSpPr>
          <p:cNvPr id="367" name="OTLSHAPE_SLM_15891565700843c8a5b6c2dfeee6b301_Title">
            <a:extLst>
              <a:ext uri="{FF2B5EF4-FFF2-40B4-BE49-F238E27FC236}">
                <a16:creationId xmlns:a16="http://schemas.microsoft.com/office/drawing/2014/main" id="{C5C8ACF9-31A9-2FFB-408C-1105EEE6BD2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295974" y="2244088"/>
            <a:ext cx="4699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quisiti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f Vine</a:t>
            </a:r>
          </a:p>
        </p:txBody>
      </p:sp>
      <p:sp>
        <p:nvSpPr>
          <p:cNvPr id="368" name="OTLSHAPE_SLM_15891565700843c8a5b6c2dfeee6b301_Date">
            <a:extLst>
              <a:ext uri="{FF2B5EF4-FFF2-40B4-BE49-F238E27FC236}">
                <a16:creationId xmlns:a16="http://schemas.microsoft.com/office/drawing/2014/main" id="{8D2E6E14-D025-5E19-C0E7-FD596151E2D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338645" y="2492161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12</a:t>
            </a:r>
          </a:p>
        </p:txBody>
      </p:sp>
      <p:sp>
        <p:nvSpPr>
          <p:cNvPr id="373" name="OTLSHAPE_SLM_5f52c400862c4fac83edc18c852d046c_Title">
            <a:extLst>
              <a:ext uri="{FF2B5EF4-FFF2-40B4-BE49-F238E27FC236}">
                <a16:creationId xmlns:a16="http://schemas.microsoft.com/office/drawing/2014/main" id="{6330EEFC-3E35-AB81-EB12-D6501C45DAC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867535" y="2705097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  <a:r>
              <a:rPr kumimoji="0" lang="en-US" sz="800" b="0" i="0" u="none" strike="noStrike" kern="1200" cap="none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nip</a:t>
            </a:r>
            <a:endParaRPr kumimoji="0" lang="en-US" sz="800" b="0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4" name="OTLSHAPE_SLM_5f52c400862c4fac83edc18c852d046c_Date">
            <a:extLst>
              <a:ext uri="{FF2B5EF4-FFF2-40B4-BE49-F238E27FC236}">
                <a16:creationId xmlns:a16="http://schemas.microsoft.com/office/drawing/2014/main" id="{A2641866-A3C4-4EBD-52E6-D63A8C56ABC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794446" y="2829134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14</a:t>
            </a:r>
          </a:p>
        </p:txBody>
      </p:sp>
      <p:sp>
        <p:nvSpPr>
          <p:cNvPr id="376" name="OTLSHAPE_SLM_2bd5b99fb6bc42bea6156ae8f57a643e_Title">
            <a:extLst>
              <a:ext uri="{FF2B5EF4-FFF2-40B4-BE49-F238E27FC236}">
                <a16:creationId xmlns:a16="http://schemas.microsoft.com/office/drawing/2014/main" id="{F34998C2-7E57-3323-4920-5C006FE0497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935561" y="4250261"/>
            <a:ext cx="4445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alytic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shboard</a:t>
            </a:r>
          </a:p>
        </p:txBody>
      </p:sp>
      <p:sp>
        <p:nvSpPr>
          <p:cNvPr id="377" name="OTLSHAPE_SLM_2bd5b99fb6bc42bea6156ae8f57a643e_Date">
            <a:extLst>
              <a:ext uri="{FF2B5EF4-FFF2-40B4-BE49-F238E27FC236}">
                <a16:creationId xmlns:a16="http://schemas.microsoft.com/office/drawing/2014/main" id="{ED2013C4-3C23-E00B-E21C-C57E791DD94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985705" y="4498335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14</a:t>
            </a:r>
          </a:p>
        </p:txBody>
      </p:sp>
      <p:sp>
        <p:nvSpPr>
          <p:cNvPr id="382" name="OTLSHAPE_SLM_5467bb71ec434575a9b455595f045d60_Title">
            <a:extLst>
              <a:ext uri="{FF2B5EF4-FFF2-40B4-BE49-F238E27FC236}">
                <a16:creationId xmlns:a16="http://schemas.microsoft.com/office/drawing/2014/main" id="{34B85B8D-C9AD-1AFF-5D22-0192583B538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173605" y="2244088"/>
            <a:ext cx="635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ck Dorse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turns as CEO</a:t>
            </a:r>
          </a:p>
        </p:txBody>
      </p:sp>
      <p:sp>
        <p:nvSpPr>
          <p:cNvPr id="383" name="OTLSHAPE_SLM_5467bb71ec434575a9b455595f045d60_Date">
            <a:extLst>
              <a:ext uri="{FF2B5EF4-FFF2-40B4-BE49-F238E27FC236}">
                <a16:creationId xmlns:a16="http://schemas.microsoft.com/office/drawing/2014/main" id="{1235B059-056E-5FB1-7406-6176C6B7F8D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301198" y="2492161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15</a:t>
            </a:r>
          </a:p>
        </p:txBody>
      </p:sp>
      <p:sp>
        <p:nvSpPr>
          <p:cNvPr id="388" name="OTLSHAPE_SLM_29473fa77fdf4236adf652b6f7b70796_Title">
            <a:extLst>
              <a:ext uri="{FF2B5EF4-FFF2-40B4-BE49-F238E27FC236}">
                <a16:creationId xmlns:a16="http://schemas.microsoft.com/office/drawing/2014/main" id="{AF0AB5B0-F575-4A01-C8D3-0E6BC66084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544865" y="2705097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Moments</a:t>
            </a:r>
          </a:p>
        </p:txBody>
      </p:sp>
      <p:sp>
        <p:nvSpPr>
          <p:cNvPr id="389" name="OTLSHAPE_SLM_29473fa77fdf4236adf652b6f7b70796_Date">
            <a:extLst>
              <a:ext uri="{FF2B5EF4-FFF2-40B4-BE49-F238E27FC236}">
                <a16:creationId xmlns:a16="http://schemas.microsoft.com/office/drawing/2014/main" id="{1B74731F-D2AB-5ADB-9FF2-2837831386C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555617" y="2829134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16</a:t>
            </a:r>
          </a:p>
        </p:txBody>
      </p:sp>
      <p:sp>
        <p:nvSpPr>
          <p:cNvPr id="391" name="OTLSHAPE_SLM_07daadf7da1241e2bd66896e787c03f1_Title">
            <a:extLst>
              <a:ext uri="{FF2B5EF4-FFF2-40B4-BE49-F238E27FC236}">
                <a16:creationId xmlns:a16="http://schemas.microsoft.com/office/drawing/2014/main" id="{1DACA751-FB24-C25E-2725-275B99D4984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548188" y="3353643"/>
            <a:ext cx="4953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rtnership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ith NFL</a:t>
            </a:r>
          </a:p>
        </p:txBody>
      </p:sp>
      <p:sp>
        <p:nvSpPr>
          <p:cNvPr id="392" name="OTLSHAPE_SLM_07daadf7da1241e2bd66896e787c03f1_Date">
            <a:extLst>
              <a:ext uri="{FF2B5EF4-FFF2-40B4-BE49-F238E27FC236}">
                <a16:creationId xmlns:a16="http://schemas.microsoft.com/office/drawing/2014/main" id="{AAC40CA8-A1BA-226B-9020-B3960EAAD58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597887" y="3601716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16</a:t>
            </a:r>
          </a:p>
        </p:txBody>
      </p:sp>
      <p:sp>
        <p:nvSpPr>
          <p:cNvPr id="394" name="OTLSHAPE_SLM_c268ab6cf6bb41dd83fb213ff1e7f380_Title">
            <a:extLst>
              <a:ext uri="{FF2B5EF4-FFF2-40B4-BE49-F238E27FC236}">
                <a16:creationId xmlns:a16="http://schemas.microsoft.com/office/drawing/2014/main" id="{B99DBD27-2C4D-3D5B-649D-599B85FB983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053237" y="2244088"/>
            <a:ext cx="6096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racter limit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pansion</a:t>
            </a:r>
          </a:p>
        </p:txBody>
      </p:sp>
      <p:sp>
        <p:nvSpPr>
          <p:cNvPr id="395" name="OTLSHAPE_SLM_c268ab6cf6bb41dd83fb213ff1e7f380_Date">
            <a:extLst>
              <a:ext uri="{FF2B5EF4-FFF2-40B4-BE49-F238E27FC236}">
                <a16:creationId xmlns:a16="http://schemas.microsoft.com/office/drawing/2014/main" id="{B02D934F-9881-5137-67CE-BCBD7D1E774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160658" y="2492161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17</a:t>
            </a:r>
          </a:p>
        </p:txBody>
      </p:sp>
      <p:sp>
        <p:nvSpPr>
          <p:cNvPr id="397" name="OTLSHAPE_SLM_fff9981fc2a84ca28e79d291948fab77_Title">
            <a:extLst>
              <a:ext uri="{FF2B5EF4-FFF2-40B4-BE49-F238E27FC236}">
                <a16:creationId xmlns:a16="http://schemas.microsoft.com/office/drawing/2014/main" id="{3639F366-03C2-2DD6-AA8A-65038BAB403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988285" y="4250261"/>
            <a:ext cx="8001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w rule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gainst harassment</a:t>
            </a:r>
          </a:p>
        </p:txBody>
      </p:sp>
      <p:sp>
        <p:nvSpPr>
          <p:cNvPr id="398" name="OTLSHAPE_SLM_fff9981fc2a84ca28e79d291948fab77_Date">
            <a:extLst>
              <a:ext uri="{FF2B5EF4-FFF2-40B4-BE49-F238E27FC236}">
                <a16:creationId xmlns:a16="http://schemas.microsoft.com/office/drawing/2014/main" id="{14C646AD-B4BF-A50C-6BA5-3AC78D754AB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194533" y="4498335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17</a:t>
            </a:r>
          </a:p>
        </p:txBody>
      </p:sp>
      <p:sp>
        <p:nvSpPr>
          <p:cNvPr id="400" name="OTLSHAPE_SLM_481f8b10f6ed4464990d3381df14b89d_Title">
            <a:extLst>
              <a:ext uri="{FF2B5EF4-FFF2-40B4-BE49-F238E27FC236}">
                <a16:creationId xmlns:a16="http://schemas.microsoft.com/office/drawing/2014/main" id="{3A6BF169-FD35-2608-3B81-693197C9EE1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284297" y="2705097"/>
            <a:ext cx="6858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iolent account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spended</a:t>
            </a:r>
          </a:p>
        </p:txBody>
      </p:sp>
      <p:sp>
        <p:nvSpPr>
          <p:cNvPr id="401" name="OTLSHAPE_SLM_481f8b10f6ed4464990d3381df14b89d_Date">
            <a:extLst>
              <a:ext uri="{FF2B5EF4-FFF2-40B4-BE49-F238E27FC236}">
                <a16:creationId xmlns:a16="http://schemas.microsoft.com/office/drawing/2014/main" id="{B4FC5188-0732-4AB8-282E-5C623121DD3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432294" y="2953170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18</a:t>
            </a:r>
          </a:p>
        </p:txBody>
      </p:sp>
      <p:sp>
        <p:nvSpPr>
          <p:cNvPr id="403" name="OTLSHAPE_SLM_6fe2650375714f0b93e71a6077e2b811_Title">
            <a:extLst>
              <a:ext uri="{FF2B5EF4-FFF2-40B4-BE49-F238E27FC236}">
                <a16:creationId xmlns:a16="http://schemas.microsoft.com/office/drawing/2014/main" id="{FD25AA68-267A-E7CB-C310-0082BD094EB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677154" y="3789253"/>
            <a:ext cx="5207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designed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bsite</a:t>
            </a:r>
          </a:p>
        </p:txBody>
      </p:sp>
      <p:sp>
        <p:nvSpPr>
          <p:cNvPr id="404" name="OTLSHAPE_SLM_6fe2650375714f0b93e71a6077e2b811_Date">
            <a:extLst>
              <a:ext uri="{FF2B5EF4-FFF2-40B4-BE49-F238E27FC236}">
                <a16:creationId xmlns:a16="http://schemas.microsoft.com/office/drawing/2014/main" id="{EA8B5AB6-5FA8-314D-6D84-531DA01C885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742665" y="4037326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19</a:t>
            </a:r>
          </a:p>
        </p:txBody>
      </p:sp>
      <p:sp>
        <p:nvSpPr>
          <p:cNvPr id="406" name="OTLSHAPE_SLM_e8756503213e4550b45435968aad361d_Title">
            <a:extLst>
              <a:ext uri="{FF2B5EF4-FFF2-40B4-BE49-F238E27FC236}">
                <a16:creationId xmlns:a16="http://schemas.microsoft.com/office/drawing/2014/main" id="{1B397E29-F253-B90C-882F-7148573DFD2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729748" y="2244088"/>
            <a:ext cx="635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n on political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dvertising</a:t>
            </a:r>
          </a:p>
        </p:txBody>
      </p:sp>
      <p:sp>
        <p:nvSpPr>
          <p:cNvPr id="407" name="OTLSHAPE_SLM_e8756503213e4550b45435968aad361d_Date">
            <a:extLst>
              <a:ext uri="{FF2B5EF4-FFF2-40B4-BE49-F238E27FC236}">
                <a16:creationId xmlns:a16="http://schemas.microsoft.com/office/drawing/2014/main" id="{4F709DF7-E456-4635-00EC-BD425F2F27B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60473" y="2492161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19</a:t>
            </a:r>
          </a:p>
        </p:txBody>
      </p:sp>
      <p:sp>
        <p:nvSpPr>
          <p:cNvPr id="412" name="OTLSHAPE_SLM_eaf41d29730b48bb9c28a418e23cf90b_Title">
            <a:extLst>
              <a:ext uri="{FF2B5EF4-FFF2-40B4-BE49-F238E27FC236}">
                <a16:creationId xmlns:a16="http://schemas.microsoft.com/office/drawing/2014/main" id="{97265273-653D-ADE1-E8DE-9010D5FB05E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046672" y="4250261"/>
            <a:ext cx="5588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igh-profil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count hack</a:t>
            </a:r>
          </a:p>
        </p:txBody>
      </p:sp>
      <p:sp>
        <p:nvSpPr>
          <p:cNvPr id="413" name="OTLSHAPE_SLM_eaf41d29730b48bb9c28a418e23cf90b_Date">
            <a:extLst>
              <a:ext uri="{FF2B5EF4-FFF2-40B4-BE49-F238E27FC236}">
                <a16:creationId xmlns:a16="http://schemas.microsoft.com/office/drawing/2014/main" id="{EBA526F2-221D-3CA0-BFBE-68A9B557CD2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148399" y="4498335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0</a:t>
            </a:r>
          </a:p>
        </p:txBody>
      </p:sp>
      <p:sp>
        <p:nvSpPr>
          <p:cNvPr id="415" name="OTLSHAPE_SLM_6865b7bf2f42447bb1abcee077de5868_Title">
            <a:extLst>
              <a:ext uri="{FF2B5EF4-FFF2-40B4-BE49-F238E27FC236}">
                <a16:creationId xmlns:a16="http://schemas.microsoft.com/office/drawing/2014/main" id="{3153A034-D254-092C-0D96-369971D1E9B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16575" y="2705097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eets</a:t>
            </a:r>
          </a:p>
        </p:txBody>
      </p:sp>
      <p:sp>
        <p:nvSpPr>
          <p:cNvPr id="416" name="OTLSHAPE_SLM_6865b7bf2f42447bb1abcee077de5868_Date">
            <a:extLst>
              <a:ext uri="{FF2B5EF4-FFF2-40B4-BE49-F238E27FC236}">
                <a16:creationId xmlns:a16="http://schemas.microsoft.com/office/drawing/2014/main" id="{BC1FF13A-558F-31B5-EDAE-0F5A48C7968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242005" y="2829134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0</a:t>
            </a:r>
          </a:p>
        </p:txBody>
      </p:sp>
      <p:sp>
        <p:nvSpPr>
          <p:cNvPr id="418" name="OTLSHAPE_SLM_073788f8500c4569a96ca19c15e8ab03_Title">
            <a:extLst>
              <a:ext uri="{FF2B5EF4-FFF2-40B4-BE49-F238E27FC236}">
                <a16:creationId xmlns:a16="http://schemas.microsoft.com/office/drawing/2014/main" id="{F80F67FB-6514-BDCE-EAA7-FAB048ED45B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416132" y="2244088"/>
            <a:ext cx="2921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aces</a:t>
            </a:r>
          </a:p>
        </p:txBody>
      </p:sp>
      <p:sp>
        <p:nvSpPr>
          <p:cNvPr id="419" name="OTLSHAPE_SLM_073788f8500c4569a96ca19c15e8ab03_Date">
            <a:extLst>
              <a:ext uri="{FF2B5EF4-FFF2-40B4-BE49-F238E27FC236}">
                <a16:creationId xmlns:a16="http://schemas.microsoft.com/office/drawing/2014/main" id="{DB1014CD-A931-1442-B88D-4EDC15AD60B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357205" y="2492161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1</a:t>
            </a:r>
          </a:p>
        </p:txBody>
      </p:sp>
      <p:sp>
        <p:nvSpPr>
          <p:cNvPr id="421" name="OTLSHAPE_SLM_c47c4a24f3c44c88bea662ac7daa4f19_Title">
            <a:extLst>
              <a:ext uri="{FF2B5EF4-FFF2-40B4-BE49-F238E27FC236}">
                <a16:creationId xmlns:a16="http://schemas.microsoft.com/office/drawing/2014/main" id="{3C98B78C-2CCF-D759-F452-41F3E00EDE2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304690" y="3789253"/>
            <a:ext cx="5715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quisition of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ue</a:t>
            </a:r>
          </a:p>
        </p:txBody>
      </p:sp>
      <p:sp>
        <p:nvSpPr>
          <p:cNvPr id="422" name="OTLSHAPE_SLM_c47c4a24f3c44c88bea662ac7daa4f19_Date">
            <a:extLst>
              <a:ext uri="{FF2B5EF4-FFF2-40B4-BE49-F238E27FC236}">
                <a16:creationId xmlns:a16="http://schemas.microsoft.com/office/drawing/2014/main" id="{13A6574C-8590-5C11-534E-5FDC1F04899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399474" y="4037326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21</a:t>
            </a:r>
          </a:p>
        </p:txBody>
      </p:sp>
      <p:sp>
        <p:nvSpPr>
          <p:cNvPr id="424" name="OTLSHAPE_SLM_5926aea928674304bc9df5d0d4514b9e_Title">
            <a:extLst>
              <a:ext uri="{FF2B5EF4-FFF2-40B4-BE49-F238E27FC236}">
                <a16:creationId xmlns:a16="http://schemas.microsoft.com/office/drawing/2014/main" id="{37541EDA-4CB8-8E1A-08FD-86E9FFA1FFD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441921" y="3353643"/>
            <a:ext cx="4318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ee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hutdown</a:t>
            </a:r>
          </a:p>
        </p:txBody>
      </p:sp>
      <p:sp>
        <p:nvSpPr>
          <p:cNvPr id="425" name="OTLSHAPE_SLM_5926aea928674304bc9df5d0d4514b9e_Date">
            <a:extLst>
              <a:ext uri="{FF2B5EF4-FFF2-40B4-BE49-F238E27FC236}">
                <a16:creationId xmlns:a16="http://schemas.microsoft.com/office/drawing/2014/main" id="{D8D2C397-30D2-26FB-F079-77B6262A0D2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463892" y="3601716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1</a:t>
            </a:r>
          </a:p>
        </p:txBody>
      </p:sp>
      <p:sp>
        <p:nvSpPr>
          <p:cNvPr id="427" name="OTLSHAPE_SLM_a913a9b9884e48c69f9241c0e0ee4e5e_Title">
            <a:extLst>
              <a:ext uri="{FF2B5EF4-FFF2-40B4-BE49-F238E27FC236}">
                <a16:creationId xmlns:a16="http://schemas.microsoft.com/office/drawing/2014/main" id="{7FA56917-0E67-8E0C-3CDE-598D335D221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9798" y="2705097"/>
            <a:ext cx="508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sk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p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hareholder</a:t>
            </a:r>
          </a:p>
        </p:txBody>
      </p:sp>
      <p:sp>
        <p:nvSpPr>
          <p:cNvPr id="428" name="OTLSHAPE_SLM_a913a9b9884e48c69f9241c0e0ee4e5e_Date">
            <a:extLst>
              <a:ext uri="{FF2B5EF4-FFF2-40B4-BE49-F238E27FC236}">
                <a16:creationId xmlns:a16="http://schemas.microsoft.com/office/drawing/2014/main" id="{2075555E-1FE8-75BA-D5DC-8D6C8AB0B8F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759594" y="3077207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22</a:t>
            </a:r>
          </a:p>
        </p:txBody>
      </p:sp>
      <p:sp>
        <p:nvSpPr>
          <p:cNvPr id="433" name="OTLSHAPE_SLM_e40233a34ab3456b8e19e384efa82d6d_Title">
            <a:extLst>
              <a:ext uri="{FF2B5EF4-FFF2-40B4-BE49-F238E27FC236}">
                <a16:creationId xmlns:a16="http://schemas.microsoft.com/office/drawing/2014/main" id="{346DA8E4-C364-6D95-7B6F-1B2A00969E9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971164" y="2368125"/>
            <a:ext cx="520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witter Blue</a:t>
            </a:r>
          </a:p>
        </p:txBody>
      </p:sp>
      <p:sp>
        <p:nvSpPr>
          <p:cNvPr id="434" name="OTLSHAPE_SLM_e40233a34ab3456b8e19e384efa82d6d_Date">
            <a:extLst>
              <a:ext uri="{FF2B5EF4-FFF2-40B4-BE49-F238E27FC236}">
                <a16:creationId xmlns:a16="http://schemas.microsoft.com/office/drawing/2014/main" id="{66F8FEF9-3830-6354-86CD-B0345898015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037500" y="2492161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3</a:t>
            </a:r>
          </a:p>
        </p:txBody>
      </p:sp>
      <p:sp>
        <p:nvSpPr>
          <p:cNvPr id="436" name="OTLSHAPE_SLM_c6ea2914950447d0ae76499c3715058c_Title">
            <a:extLst>
              <a:ext uri="{FF2B5EF4-FFF2-40B4-BE49-F238E27FC236}">
                <a16:creationId xmlns:a16="http://schemas.microsoft.com/office/drawing/2014/main" id="{1B6A78AA-212B-097A-6DBF-E77469757A9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941068" y="4250261"/>
            <a:ext cx="6731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w verificati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stem</a:t>
            </a:r>
          </a:p>
        </p:txBody>
      </p:sp>
      <p:sp>
        <p:nvSpPr>
          <p:cNvPr id="437" name="OTLSHAPE_SLM_c6ea2914950447d0ae76499c3715058c_Date">
            <a:extLst>
              <a:ext uri="{FF2B5EF4-FFF2-40B4-BE49-F238E27FC236}">
                <a16:creationId xmlns:a16="http://schemas.microsoft.com/office/drawing/2014/main" id="{946B50B3-3705-2BAB-3182-594AE50B794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077445" y="4498335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3</a:t>
            </a:r>
          </a:p>
        </p:txBody>
      </p:sp>
      <p:sp>
        <p:nvSpPr>
          <p:cNvPr id="505" name="OTLSHAPE_SLM_a807da70294b49e18968c25d71febe13_Title">
            <a:extLst>
              <a:ext uri="{FF2B5EF4-FFF2-40B4-BE49-F238E27FC236}">
                <a16:creationId xmlns:a16="http://schemas.microsoft.com/office/drawing/2014/main" id="{B20267D6-45FF-6365-3969-AEA72080EB4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61793" y="4250261"/>
            <a:ext cx="5842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umber of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weets grows</a:t>
            </a:r>
          </a:p>
        </p:txBody>
      </p:sp>
      <p:sp>
        <p:nvSpPr>
          <p:cNvPr id="506" name="OTLSHAPE_SLM_a807da70294b49e18968c25d71febe13_Date">
            <a:extLst>
              <a:ext uri="{FF2B5EF4-FFF2-40B4-BE49-F238E27FC236}">
                <a16:creationId xmlns:a16="http://schemas.microsoft.com/office/drawing/2014/main" id="{C06D62BF-7E23-AC4E-A830-0985B4E29A7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353846" y="4498335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07</a:t>
            </a:r>
          </a:p>
        </p:txBody>
      </p:sp>
      <p:sp>
        <p:nvSpPr>
          <p:cNvPr id="459" name="OTLSHAPE_TB_00000000000000000000000000000000_TodayMarkerText" hidden="1">
            <a:extLst>
              <a:ext uri="{FF2B5EF4-FFF2-40B4-BE49-F238E27FC236}">
                <a16:creationId xmlns:a16="http://schemas.microsoft.com/office/drawing/2014/main" id="{7DC98865-A0B8-FC39-F519-E2377E9DEC8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5" name="OTLSHAPE_TB_00000000000000000000000000000000_TimescaleInterval10">
            <a:extLst>
              <a:ext uri="{FF2B5EF4-FFF2-40B4-BE49-F238E27FC236}">
                <a16:creationId xmlns:a16="http://schemas.microsoft.com/office/drawing/2014/main" id="{274DF090-6259-0CA4-AD30-0D5404405C7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641808" y="196337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7" name="OTLSHAPE_SLM_028809a62af7491496c52e208d517283_Title">
            <a:extLst>
              <a:ext uri="{FF2B5EF4-FFF2-40B4-BE49-F238E27FC236}">
                <a16:creationId xmlns:a16="http://schemas.microsoft.com/office/drawing/2014/main" id="{D4B86C3E-6D9D-1BE9-4646-5632BBF31B5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397880" y="3353643"/>
            <a:ext cx="635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11 M monthl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tive users</a:t>
            </a:r>
          </a:p>
        </p:txBody>
      </p:sp>
      <p:sp>
        <p:nvSpPr>
          <p:cNvPr id="32" name="OTLSHAPE_SLM_028809a62af7491496c52e208d517283_Date">
            <a:extLst>
              <a:ext uri="{FF2B5EF4-FFF2-40B4-BE49-F238E27FC236}">
                <a16:creationId xmlns:a16="http://schemas.microsoft.com/office/drawing/2014/main" id="{0A5BF08D-6643-2331-558B-B2B22E90815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509218" y="3601716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4</a:t>
            </a:r>
          </a:p>
        </p:txBody>
      </p:sp>
      <p:sp>
        <p:nvSpPr>
          <p:cNvPr id="55" name="OTLSHAPE_SLM_cfe7672a0fdd442bad3e6b8d59407805_Title">
            <a:extLst>
              <a:ext uri="{FF2B5EF4-FFF2-40B4-BE49-F238E27FC236}">
                <a16:creationId xmlns:a16="http://schemas.microsoft.com/office/drawing/2014/main" id="{7969D965-C072-50F5-5E30-45A86BE0592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216842" y="2705097"/>
            <a:ext cx="368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gativ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sh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ow</a:t>
            </a:r>
          </a:p>
        </p:txBody>
      </p:sp>
      <p:sp>
        <p:nvSpPr>
          <p:cNvPr id="56" name="OTLSHAPE_SLM_cfe7672a0fdd442bad3e6b8d59407805_Date">
            <a:extLst>
              <a:ext uri="{FF2B5EF4-FFF2-40B4-BE49-F238E27FC236}">
                <a16:creationId xmlns:a16="http://schemas.microsoft.com/office/drawing/2014/main" id="{64AC185B-7664-2605-4BC1-AB2900A61B7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228760" y="3077207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5E71E86E-6BEC-23B3-DEF7-73EBC93014C9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1812440" y="1913888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20D788E-68DD-0B70-E848-4F6D202F325C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2533667" y="1913888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00F6B550-A12E-0BA6-94F1-FB79F6B79986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3253907" y="1913888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5029DF0B-3880-E3F4-1874-57B85AE83FD5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3975134" y="1913888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0C8C21CC-E957-C3AC-5A5B-D8EF13018F77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4695374" y="1913888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23D9DDDB-E379-8AAA-9963-AF4EB5C53D30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5416601" y="1913888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D86A172A-1990-8C31-3CF9-052DBF260C8F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6136841" y="1913888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B532C9C0-C17F-7B9D-99B6-FD90AADBC45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6858067" y="1913888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TB_00000000000000000000000000000000_Separator9">
            <a:extLst>
              <a:ext uri="{FF2B5EF4-FFF2-40B4-BE49-F238E27FC236}">
                <a16:creationId xmlns:a16="http://schemas.microsoft.com/office/drawing/2014/main" id="{52D63F9D-EA6D-220F-05F8-0ECD1F96FF9F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7578308" y="1913888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M_6f07cb23a0af42e6866190dc8fadbd9e_Shape">
            <a:extLst>
              <a:ext uri="{FF2B5EF4-FFF2-40B4-BE49-F238E27FC236}">
                <a16:creationId xmlns:a16="http://schemas.microsoft.com/office/drawing/2014/main" id="{124885B9-B897-A6B0-D250-D3AB79930EE8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 flipV="1">
            <a:off x="1128501" y="1888489"/>
            <a:ext cx="88900" cy="88899"/>
          </a:xfrm>
          <a:prstGeom prst="triangle">
            <a:avLst/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2" name="OTLSHAPE_M_aaf7acd9e23847ecafc7b536eb85704c_Shape">
            <a:extLst>
              <a:ext uri="{FF2B5EF4-FFF2-40B4-BE49-F238E27FC236}">
                <a16:creationId xmlns:a16="http://schemas.microsoft.com/office/drawing/2014/main" id="{1D0C7F40-4B26-AD5C-269C-283CA211B752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 flipV="1">
            <a:off x="1242950" y="1888489"/>
            <a:ext cx="88900" cy="88899"/>
          </a:xfrm>
          <a:prstGeom prst="triangl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3" name="OTLSHAPE_M_4087dd5cf24d4cadb7813044aed2f085_Shape">
            <a:extLst>
              <a:ext uri="{FF2B5EF4-FFF2-40B4-BE49-F238E27FC236}">
                <a16:creationId xmlns:a16="http://schemas.microsoft.com/office/drawing/2014/main" id="{0291EC5B-69A0-E5C4-5244-C364D3818DD8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 flipV="1">
            <a:off x="1890180" y="1888489"/>
            <a:ext cx="88900" cy="88899"/>
          </a:xfrm>
          <a:prstGeom prst="triangle">
            <a:avLst/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4" name="OTLSHAPE_M_ca1882fe2083436ebd3f2a02b5b927a6_Shape">
            <a:extLst>
              <a:ext uri="{FF2B5EF4-FFF2-40B4-BE49-F238E27FC236}">
                <a16:creationId xmlns:a16="http://schemas.microsoft.com/office/drawing/2014/main" id="{26136436-7BA6-E2F4-072F-0E96B792D66F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 flipV="1">
            <a:off x="2761374" y="1888489"/>
            <a:ext cx="88900" cy="88899"/>
          </a:xfrm>
          <a:prstGeom prst="triangle">
            <a:avLst/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5" name="OTLSHAPE_M_861fcf0cb3cc41ccbc6442702d94fe7d_Shape">
            <a:extLst>
              <a:ext uri="{FF2B5EF4-FFF2-40B4-BE49-F238E27FC236}">
                <a16:creationId xmlns:a16="http://schemas.microsoft.com/office/drawing/2014/main" id="{5F728F5D-8310-19C9-A0A6-F5ABD7487071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 flipV="1">
            <a:off x="3879227" y="1888489"/>
            <a:ext cx="88900" cy="88899"/>
          </a:xfrm>
          <a:prstGeom prst="triangl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6" name="OTLSHAPE_M_c0f82dd27adf466d83c6c3804ee20133_Shape">
            <a:extLst>
              <a:ext uri="{FF2B5EF4-FFF2-40B4-BE49-F238E27FC236}">
                <a16:creationId xmlns:a16="http://schemas.microsoft.com/office/drawing/2014/main" id="{132547AD-DCE1-81F5-08E7-43B364033235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 flipV="1">
            <a:off x="4562961" y="1888489"/>
            <a:ext cx="88900" cy="88899"/>
          </a:xfrm>
          <a:prstGeom prst="triangle">
            <a:avLst/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" name="OTLSHAPE_M_fd5b0a5e7d134d4ba1f7878cf8fe3cd8_Shape">
            <a:extLst>
              <a:ext uri="{FF2B5EF4-FFF2-40B4-BE49-F238E27FC236}">
                <a16:creationId xmlns:a16="http://schemas.microsoft.com/office/drawing/2014/main" id="{540E8E2A-8D9F-6C9A-1876-B0F68D226C15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 flipV="1">
            <a:off x="7111428" y="1888489"/>
            <a:ext cx="88900" cy="88899"/>
          </a:xfrm>
          <a:prstGeom prst="triangl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8" name="OTLSHAPE_M_0c78f70def3a43a8b3c29b212a699dbb_Shape">
            <a:extLst>
              <a:ext uri="{FF2B5EF4-FFF2-40B4-BE49-F238E27FC236}">
                <a16:creationId xmlns:a16="http://schemas.microsoft.com/office/drawing/2014/main" id="{EEA23AF1-6384-CFC4-5450-5F0D69D0A0E0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 flipV="1">
            <a:off x="7476481" y="1888489"/>
            <a:ext cx="88900" cy="88899"/>
          </a:xfrm>
          <a:prstGeom prst="triangl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9" name="OTLSHAPE_M_94acb833f7bf44328a8a0133625b69bd_Shape">
            <a:extLst>
              <a:ext uri="{FF2B5EF4-FFF2-40B4-BE49-F238E27FC236}">
                <a16:creationId xmlns:a16="http://schemas.microsoft.com/office/drawing/2014/main" id="{BDF960E8-4E4A-7C6A-403F-AB88CDA1FBBA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 flipV="1">
            <a:off x="7123268" y="1888489"/>
            <a:ext cx="88900" cy="88899"/>
          </a:xfrm>
          <a:prstGeom prst="triangl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1" name="OTLSHAPE_M_b72b783bb6fb4f74b3f12016f0e6f868_Shape">
            <a:extLst>
              <a:ext uri="{FF2B5EF4-FFF2-40B4-BE49-F238E27FC236}">
                <a16:creationId xmlns:a16="http://schemas.microsoft.com/office/drawing/2014/main" id="{19EAD60E-E999-15ED-8476-D0D812FFAB01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 flipV="1">
            <a:off x="6783867" y="1888489"/>
            <a:ext cx="88900" cy="88899"/>
          </a:xfrm>
          <a:prstGeom prst="triangle">
            <a:avLst/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55" name="OTLSHAPE_M_6f07cb23a0af42e6866190dc8fadbd9e_Title">
            <a:extLst>
              <a:ext uri="{FF2B5EF4-FFF2-40B4-BE49-F238E27FC236}">
                <a16:creationId xmlns:a16="http://schemas.microsoft.com/office/drawing/2014/main" id="{1D749076-0612-52FA-A775-65219E41E681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71177" y="1615016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 first tweet</a:t>
            </a:r>
            <a:endParaRPr kumimoji="0" lang="en-US" sz="800" b="0" i="0" u="none" strike="noStrike" kern="1200" cap="none" spc="-2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6" name="OTLSHAPE_M_6f07cb23a0af42e6866190dc8fadbd9e_Date">
            <a:extLst>
              <a:ext uri="{FF2B5EF4-FFF2-40B4-BE49-F238E27FC236}">
                <a16:creationId xmlns:a16="http://schemas.microsoft.com/office/drawing/2014/main" id="{51F5E0C7-1063-FECF-8FE5-C096B41ADB2F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71189" y="1739052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06</a:t>
            </a:r>
            <a:endParaRPr kumimoji="0" lang="en-US" sz="800" b="0" i="0" u="none" strike="noStrike" kern="1200" cap="none" normalizeH="0" baseline="0" noProof="0" dirty="0">
              <a:ln>
                <a:noFill/>
              </a:ln>
              <a:solidFill>
                <a:srgbClr val="1DA1F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8" name="OTLSHAPE_M_aaf7acd9e23847ecafc7b536eb85704c_Title">
            <a:extLst>
              <a:ext uri="{FF2B5EF4-FFF2-40B4-BE49-F238E27FC236}">
                <a16:creationId xmlns:a16="http://schemas.microsoft.com/office/drawing/2014/main" id="{014F42F5-3B81-ACC8-A80C-02EE972FD6F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782172" y="1278042"/>
            <a:ext cx="1016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fficial launch of Twitter</a:t>
            </a:r>
          </a:p>
        </p:txBody>
      </p:sp>
      <p:sp>
        <p:nvSpPr>
          <p:cNvPr id="159" name="OTLSHAPE_M_aaf7acd9e23847ecafc7b536eb85704c_Date">
            <a:extLst>
              <a:ext uri="{FF2B5EF4-FFF2-40B4-BE49-F238E27FC236}">
                <a16:creationId xmlns:a16="http://schemas.microsoft.com/office/drawing/2014/main" id="{51A8E920-78F8-EBCC-44B7-4336634ED1C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116584" y="1402079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06</a:t>
            </a:r>
          </a:p>
        </p:txBody>
      </p:sp>
      <p:sp>
        <p:nvSpPr>
          <p:cNvPr id="507" name="OTLSHAPE_M_0c78f70def3a43a8b3c29b212a699dbb_Title">
            <a:extLst>
              <a:ext uri="{FF2B5EF4-FFF2-40B4-BE49-F238E27FC236}">
                <a16:creationId xmlns:a16="http://schemas.microsoft.com/office/drawing/2014/main" id="{A8F034F9-13B6-2951-F0B9-A9099EDFD60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283779" y="1256377"/>
            <a:ext cx="4826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branding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 "X"</a:t>
            </a:r>
          </a:p>
        </p:txBody>
      </p:sp>
      <p:sp>
        <p:nvSpPr>
          <p:cNvPr id="508" name="OTLSHAPE_M_0c78f70def3a43a8b3c29b212a699dbb_Date">
            <a:extLst>
              <a:ext uri="{FF2B5EF4-FFF2-40B4-BE49-F238E27FC236}">
                <a16:creationId xmlns:a16="http://schemas.microsoft.com/office/drawing/2014/main" id="{575124C8-0AF1-7B9C-FF4E-195462BE340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322365" y="1504450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3</a:t>
            </a:r>
          </a:p>
        </p:txBody>
      </p:sp>
      <p:sp>
        <p:nvSpPr>
          <p:cNvPr id="513" name="OTLSHAPE_M_fd5b0a5e7d134d4ba1f7878cf8fe3cd8_Title">
            <a:extLst>
              <a:ext uri="{FF2B5EF4-FFF2-40B4-BE49-F238E27FC236}">
                <a16:creationId xmlns:a16="http://schemas.microsoft.com/office/drawing/2014/main" id="{DE215807-7551-7A1F-A6DA-4E9EAE73BCA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6490841" y="921584"/>
            <a:ext cx="1333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sk buys Twitter, fires Agrawal</a:t>
            </a:r>
          </a:p>
        </p:txBody>
      </p:sp>
      <p:sp>
        <p:nvSpPr>
          <p:cNvPr id="514" name="OTLSHAPE_M_fd5b0a5e7d134d4ba1f7878cf8fe3cd8_Date">
            <a:extLst>
              <a:ext uri="{FF2B5EF4-FFF2-40B4-BE49-F238E27FC236}">
                <a16:creationId xmlns:a16="http://schemas.microsoft.com/office/drawing/2014/main" id="{F641F32C-9608-1B9E-D5CE-0E2C5B4F179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6967472" y="1045621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2</a:t>
            </a:r>
          </a:p>
        </p:txBody>
      </p:sp>
      <p:sp>
        <p:nvSpPr>
          <p:cNvPr id="522" name="OTLSHAPE_M_ca1882fe2083436ebd3f2a02b5b927a6_Title">
            <a:extLst>
              <a:ext uri="{FF2B5EF4-FFF2-40B4-BE49-F238E27FC236}">
                <a16:creationId xmlns:a16="http://schemas.microsoft.com/office/drawing/2014/main" id="{BF1AC12B-13F3-CEA3-819E-17A4994CA42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2559803" y="1615016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O change</a:t>
            </a:r>
          </a:p>
        </p:txBody>
      </p:sp>
      <p:sp>
        <p:nvSpPr>
          <p:cNvPr id="523" name="OTLSHAPE_M_ca1882fe2083436ebd3f2a02b5b927a6_Date">
            <a:extLst>
              <a:ext uri="{FF2B5EF4-FFF2-40B4-BE49-F238E27FC236}">
                <a16:creationId xmlns:a16="http://schemas.microsoft.com/office/drawing/2014/main" id="{86C6F61A-3EA7-44BC-7E3C-BCF0F2836AD9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2617419" y="1739052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10</a:t>
            </a:r>
          </a:p>
        </p:txBody>
      </p:sp>
      <p:sp>
        <p:nvSpPr>
          <p:cNvPr id="525" name="OTLSHAPE_M_861fcf0cb3cc41ccbc6442702d94fe7d_Title">
            <a:extLst>
              <a:ext uri="{FF2B5EF4-FFF2-40B4-BE49-F238E27FC236}">
                <a16:creationId xmlns:a16="http://schemas.microsoft.com/office/drawing/2014/main" id="{97B7B2CA-F495-A1C0-191F-F4B45E7D042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533214" y="1294380"/>
            <a:ext cx="787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witter goes public</a:t>
            </a:r>
          </a:p>
        </p:txBody>
      </p:sp>
      <p:sp>
        <p:nvSpPr>
          <p:cNvPr id="526" name="OTLSHAPE_M_861fcf0cb3cc41ccbc6442702d94fe7d_Date">
            <a:extLst>
              <a:ext uri="{FF2B5EF4-FFF2-40B4-BE49-F238E27FC236}">
                <a16:creationId xmlns:a16="http://schemas.microsoft.com/office/drawing/2014/main" id="{EB48771B-F649-198C-7BAD-289BCCE1BF14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725111" y="1418417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13</a:t>
            </a:r>
          </a:p>
        </p:txBody>
      </p:sp>
      <p:sp>
        <p:nvSpPr>
          <p:cNvPr id="528" name="OTLSHAPE_M_c0f82dd27adf466d83c6c3804ee20133_Title">
            <a:extLst>
              <a:ext uri="{FF2B5EF4-FFF2-40B4-BE49-F238E27FC236}">
                <a16:creationId xmlns:a16="http://schemas.microsoft.com/office/drawing/2014/main" id="{9B6B81A4-6627-CBAF-1432-B7D57A6D10B6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4169218" y="1490979"/>
            <a:ext cx="8763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ck Dorsey become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ermanent CEO</a:t>
            </a:r>
          </a:p>
        </p:txBody>
      </p:sp>
      <p:sp>
        <p:nvSpPr>
          <p:cNvPr id="529" name="OTLSHAPE_M_c0f82dd27adf466d83c6c3804ee20133_Date">
            <a:extLst>
              <a:ext uri="{FF2B5EF4-FFF2-40B4-BE49-F238E27FC236}">
                <a16:creationId xmlns:a16="http://schemas.microsoft.com/office/drawing/2014/main" id="{E4CAADB7-F030-05D5-9C3D-1CAAF655E23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419006" y="1739052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15</a:t>
            </a:r>
          </a:p>
        </p:txBody>
      </p:sp>
      <p:sp>
        <p:nvSpPr>
          <p:cNvPr id="532" name="OTLSHAPE_M_4087dd5cf24d4cadb7813044aed2f085_Title">
            <a:extLst>
              <a:ext uri="{FF2B5EF4-FFF2-40B4-BE49-F238E27FC236}">
                <a16:creationId xmlns:a16="http://schemas.microsoft.com/office/drawing/2014/main" id="{19B6842C-A772-6A5F-FEDF-6CB49700C1A4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638528" y="1615016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O transition</a:t>
            </a:r>
          </a:p>
        </p:txBody>
      </p:sp>
      <p:sp>
        <p:nvSpPr>
          <p:cNvPr id="533" name="OTLSHAPE_M_4087dd5cf24d4cadb7813044aed2f085_Date">
            <a:extLst>
              <a:ext uri="{FF2B5EF4-FFF2-40B4-BE49-F238E27FC236}">
                <a16:creationId xmlns:a16="http://schemas.microsoft.com/office/drawing/2014/main" id="{30B6F07B-9F54-689D-36D5-8B953F790BDE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728550" y="173905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08</a:t>
            </a:r>
          </a:p>
        </p:txBody>
      </p:sp>
      <p:sp>
        <p:nvSpPr>
          <p:cNvPr id="37" name="OTLSHAPE_M_94acb833f7bf44328a8a0133625b69bd_Title">
            <a:extLst>
              <a:ext uri="{FF2B5EF4-FFF2-40B4-BE49-F238E27FC236}">
                <a16:creationId xmlns:a16="http://schemas.microsoft.com/office/drawing/2014/main" id="{8DBF8CD9-011E-228C-5B6F-9FFBAC90042F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58268" y="1598966"/>
            <a:ext cx="825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witter goes private</a:t>
            </a:r>
          </a:p>
        </p:txBody>
      </p:sp>
      <p:sp>
        <p:nvSpPr>
          <p:cNvPr id="38" name="OTLSHAPE_M_94acb833f7bf44328a8a0133625b69bd_Date">
            <a:extLst>
              <a:ext uri="{FF2B5EF4-FFF2-40B4-BE49-F238E27FC236}">
                <a16:creationId xmlns:a16="http://schemas.microsoft.com/office/drawing/2014/main" id="{AEF8FA09-D167-23FA-F22E-53A8580A7995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6969151" y="1723003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2</a:t>
            </a:r>
          </a:p>
        </p:txBody>
      </p:sp>
      <p:sp>
        <p:nvSpPr>
          <p:cNvPr id="59" name="OTLSHAPE_M_b72b783bb6fb4f74b3f12016f0e6f868_Title">
            <a:extLst>
              <a:ext uri="{FF2B5EF4-FFF2-40B4-BE49-F238E27FC236}">
                <a16:creationId xmlns:a16="http://schemas.microsoft.com/office/drawing/2014/main" id="{56486E4F-32E3-AA0D-5F0B-5AF65310E336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6534839" y="1245672"/>
            <a:ext cx="5842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w CEO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rag Agrawal</a:t>
            </a:r>
          </a:p>
        </p:txBody>
      </p:sp>
      <p:sp>
        <p:nvSpPr>
          <p:cNvPr id="60" name="OTLSHAPE_M_b72b783bb6fb4f74b3f12016f0e6f868_Date">
            <a:extLst>
              <a:ext uri="{FF2B5EF4-FFF2-40B4-BE49-F238E27FC236}">
                <a16:creationId xmlns:a16="http://schemas.microsoft.com/office/drawing/2014/main" id="{41CA3AEF-5241-A629-7597-AA380EB0D0D2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6629750" y="1493745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1</a:t>
            </a:r>
          </a:p>
        </p:txBody>
      </p:sp>
      <p:pic>
        <p:nvPicPr>
          <p:cNvPr id="26" name="Picture 25" descr="A white x on a black background&#10;&#10;Description automatically generated">
            <a:extLst>
              <a:ext uri="{FF2B5EF4-FFF2-40B4-BE49-F238E27FC236}">
                <a16:creationId xmlns:a16="http://schemas.microsoft.com/office/drawing/2014/main" id="{CD9619B1-F797-8365-2989-1D1007014C85}"/>
              </a:ext>
            </a:extLst>
          </p:cNvPr>
          <p:cNvPicPr>
            <a:picLocks noChangeAspect="1"/>
          </p:cNvPicPr>
          <p:nvPr/>
        </p:nvPicPr>
        <p:blipFill>
          <a:blip r:embed="rId16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80025" y="133350"/>
            <a:ext cx="282967" cy="261095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404FF1BE-E68D-C566-4E65-0951C15197C3}"/>
              </a:ext>
            </a:extLst>
          </p:cNvPr>
          <p:cNvPicPr>
            <a:picLocks noChangeAspect="1"/>
          </p:cNvPicPr>
          <p:nvPr/>
        </p:nvPicPr>
        <p:blipFill>
          <a:blip r:embed="rId16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7712890" y="3743780"/>
            <a:ext cx="1612540" cy="182880"/>
          </a:xfrm>
          <a:prstGeom prst="rect">
            <a:avLst/>
          </a:prstGeom>
        </p:spPr>
      </p:pic>
      <p:pic>
        <p:nvPicPr>
          <p:cNvPr id="28" name="Picture 27" descr="A colorful rectangular objects with different colors&#10;&#10;Description automatically generated with medium confidence">
            <a:extLst>
              <a:ext uri="{FF2B5EF4-FFF2-40B4-BE49-F238E27FC236}">
                <a16:creationId xmlns:a16="http://schemas.microsoft.com/office/drawing/2014/main" id="{7CC89148-2003-5776-E111-40D006FE10DE}"/>
              </a:ext>
            </a:extLst>
          </p:cNvPr>
          <p:cNvPicPr>
            <a:picLocks noChangeAspect="1"/>
          </p:cNvPicPr>
          <p:nvPr/>
        </p:nvPicPr>
        <p:blipFill>
          <a:blip r:embed="rId16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601" y="104517"/>
            <a:ext cx="363498" cy="363498"/>
          </a:xfrm>
          <a:prstGeom prst="ellipse">
            <a:avLst/>
          </a:prstGeom>
          <a:ln w="3175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33C01D44-2EAE-104F-8FAC-4AF4BCCDE318}"/>
              </a:ext>
            </a:extLst>
          </p:cNvPr>
          <p:cNvSpPr txBox="1"/>
          <p:nvPr/>
        </p:nvSpPr>
        <p:spPr>
          <a:xfrm>
            <a:off x="1318104" y="57150"/>
            <a:ext cx="193627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 ExtraBold" panose="020B0004020202020204" pitchFamily="34" charset="0"/>
                <a:ea typeface="+mn-ea"/>
                <a:cs typeface="+mn-cs"/>
              </a:rPr>
              <a:t>Office Timelin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65000"/>
                  </a:prstClr>
                </a:solidFill>
                <a:effectLst/>
                <a:uLnTx/>
                <a:uFillTx/>
                <a:latin typeface="Aptos Light" panose="020B0004020202020204" pitchFamily="34" charset="0"/>
                <a:ea typeface="+mn-ea"/>
                <a:cs typeface="+mn-cs"/>
              </a:rPr>
              <a:t>@officetimeline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36CD2D85-A083-C3B8-0399-C8DF98387221}"/>
              </a:ext>
            </a:extLst>
          </p:cNvPr>
          <p:cNvSpPr txBox="1"/>
          <p:nvPr/>
        </p:nvSpPr>
        <p:spPr>
          <a:xfrm>
            <a:off x="871032" y="544214"/>
            <a:ext cx="743476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 Display" panose="020B0004020202020204" pitchFamily="34" charset="0"/>
                <a:ea typeface="+mn-ea"/>
                <a:cs typeface="+mn-cs"/>
              </a:rPr>
              <a:t>Check out this timeline of the history of Twitter – X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1DA1F2"/>
                </a:solidFill>
                <a:effectLst/>
                <a:uLnTx/>
                <a:uFillTx/>
                <a:latin typeface="Aptos Display" panose="020B0004020202020204" pitchFamily="34" charset="0"/>
                <a:ea typeface="+mn-ea"/>
                <a:cs typeface="+mn-cs"/>
              </a:rPr>
              <a:t>#twitter #X #officetimeline</a:t>
            </a:r>
          </a:p>
        </p:txBody>
      </p: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41B23DB7-180B-0836-4ADE-A0F98B7ACF21}"/>
              </a:ext>
            </a:extLst>
          </p:cNvPr>
          <p:cNvCxnSpPr>
            <a:cxnSpLocks/>
          </p:cNvCxnSpPr>
          <p:nvPr/>
        </p:nvCxnSpPr>
        <p:spPr>
          <a:xfrm>
            <a:off x="724491" y="4781550"/>
            <a:ext cx="7962309" cy="0"/>
          </a:xfrm>
          <a:prstGeom prst="line">
            <a:avLst/>
          </a:prstGeom>
          <a:ln w="12700"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Group 33">
            <a:extLst>
              <a:ext uri="{FF2B5EF4-FFF2-40B4-BE49-F238E27FC236}">
                <a16:creationId xmlns:a16="http://schemas.microsoft.com/office/drawing/2014/main" id="{B08BD139-B560-774B-19D1-4B07A4D941DE}"/>
              </a:ext>
            </a:extLst>
          </p:cNvPr>
          <p:cNvGrpSpPr/>
          <p:nvPr/>
        </p:nvGrpSpPr>
        <p:grpSpPr>
          <a:xfrm>
            <a:off x="761264" y="4853789"/>
            <a:ext cx="686536" cy="277983"/>
            <a:chOff x="724491" y="4790439"/>
            <a:chExt cx="686536" cy="277983"/>
          </a:xfrm>
        </p:grpSpPr>
        <p:pic>
          <p:nvPicPr>
            <p:cNvPr id="35" name="Graphic 34" descr="Speech outline">
              <a:extLst>
                <a:ext uri="{FF2B5EF4-FFF2-40B4-BE49-F238E27FC236}">
                  <a16:creationId xmlns:a16="http://schemas.microsoft.com/office/drawing/2014/main" id="{3258029F-B5B8-22AE-DE27-CBC2037794EE}"/>
                </a:ext>
              </a:extLst>
            </p:cNvPr>
            <p:cNvPicPr>
              <a:picLocks noChangeAspect="1"/>
            </p:cNvPicPr>
            <p:nvPr/>
          </p:nvPicPr>
          <p:blipFill>
            <a:blip r:embed="rId165" cstate="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6"/>
                </a:ext>
              </a:extLst>
            </a:blip>
            <a:stretch>
              <a:fillRect/>
            </a:stretch>
          </p:blipFill>
          <p:spPr>
            <a:xfrm>
              <a:off x="724491" y="4790439"/>
              <a:ext cx="274320" cy="27432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A1F9A3E-4267-CECD-F656-107A92D5D482}"/>
                </a:ext>
              </a:extLst>
            </p:cNvPr>
            <p:cNvSpPr txBox="1"/>
            <p:nvPr/>
          </p:nvSpPr>
          <p:spPr>
            <a:xfrm>
              <a:off x="946384" y="4791423"/>
              <a:ext cx="46464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ptos Display" panose="020B0004020202020204" pitchFamily="34" charset="0"/>
                  <a:ea typeface="+mn-ea"/>
                  <a:cs typeface="+mn-cs"/>
                </a:rPr>
                <a:t>43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ptos Display" panose="020B0004020202020204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40" name="Group 39">
            <a:extLst>
              <a:ext uri="{FF2B5EF4-FFF2-40B4-BE49-F238E27FC236}">
                <a16:creationId xmlns:a16="http://schemas.microsoft.com/office/drawing/2014/main" id="{9B3108D3-C5F3-7FA2-6956-21860485E3B5}"/>
              </a:ext>
            </a:extLst>
          </p:cNvPr>
          <p:cNvGrpSpPr/>
          <p:nvPr/>
        </p:nvGrpSpPr>
        <p:grpSpPr>
          <a:xfrm>
            <a:off x="2553048" y="4851929"/>
            <a:ext cx="875952" cy="279842"/>
            <a:chOff x="1867248" y="4788579"/>
            <a:chExt cx="875952" cy="279842"/>
          </a:xfrm>
        </p:grpSpPr>
        <p:pic>
          <p:nvPicPr>
            <p:cNvPr id="49" name="Graphic 48" descr="Repeat outline">
              <a:extLst>
                <a:ext uri="{FF2B5EF4-FFF2-40B4-BE49-F238E27FC236}">
                  <a16:creationId xmlns:a16="http://schemas.microsoft.com/office/drawing/2014/main" id="{2B60A2E0-4D3B-5D85-4AC2-DF6048D83C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67" cstate="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8"/>
                </a:ext>
              </a:extLst>
            </a:blip>
            <a:stretch>
              <a:fillRect/>
            </a:stretch>
          </p:blipFill>
          <p:spPr>
            <a:xfrm>
              <a:off x="1867248" y="4788579"/>
              <a:ext cx="274320" cy="274320"/>
            </a:xfrm>
            <a:prstGeom prst="rect">
              <a:avLst/>
            </a:prstGeom>
          </p:spPr>
        </p:pic>
        <p:sp>
          <p:nvSpPr>
            <p:cNvPr id="51" name="TextBox 50">
              <a:extLst>
                <a:ext uri="{FF2B5EF4-FFF2-40B4-BE49-F238E27FC236}">
                  <a16:creationId xmlns:a16="http://schemas.microsoft.com/office/drawing/2014/main" id="{A43CB625-6541-47FE-8A99-F5F8DC8F3932}"/>
                </a:ext>
              </a:extLst>
            </p:cNvPr>
            <p:cNvSpPr txBox="1"/>
            <p:nvPr/>
          </p:nvSpPr>
          <p:spPr>
            <a:xfrm>
              <a:off x="2075703" y="4791422"/>
              <a:ext cx="66749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ptos Display" panose="020B0004020202020204" pitchFamily="34" charset="0"/>
                  <a:ea typeface="+mn-ea"/>
                  <a:cs typeface="+mn-cs"/>
                </a:rPr>
                <a:t>2.3K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ptos Display" panose="020B0004020202020204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162522CB-C4B9-3AB8-8F54-DCD65C286B88}"/>
              </a:ext>
            </a:extLst>
          </p:cNvPr>
          <p:cNvGrpSpPr/>
          <p:nvPr/>
        </p:nvGrpSpPr>
        <p:grpSpPr>
          <a:xfrm>
            <a:off x="4537793" y="4848695"/>
            <a:ext cx="872407" cy="278930"/>
            <a:chOff x="3124200" y="4785345"/>
            <a:chExt cx="872407" cy="278930"/>
          </a:xfrm>
        </p:grpSpPr>
        <p:pic>
          <p:nvPicPr>
            <p:cNvPr id="58" name="Graphic 57" descr="Heart outline">
              <a:extLst>
                <a:ext uri="{FF2B5EF4-FFF2-40B4-BE49-F238E27FC236}">
                  <a16:creationId xmlns:a16="http://schemas.microsoft.com/office/drawing/2014/main" id="{A267DE3D-0F1E-BEFC-5A4E-2D475AA778BB}"/>
                </a:ext>
              </a:extLst>
            </p:cNvPr>
            <p:cNvPicPr>
              <a:picLocks noChangeAspect="1"/>
            </p:cNvPicPr>
            <p:nvPr/>
          </p:nvPicPr>
          <p:blipFill>
            <a:blip r:embed="rId169" cstate="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0"/>
                </a:ext>
              </a:extLst>
            </a:blip>
            <a:stretch>
              <a:fillRect/>
            </a:stretch>
          </p:blipFill>
          <p:spPr>
            <a:xfrm>
              <a:off x="3124200" y="4789955"/>
              <a:ext cx="274320" cy="274320"/>
            </a:xfrm>
            <a:prstGeom prst="rect">
              <a:avLst/>
            </a:prstGeom>
          </p:spPr>
        </p:pic>
        <p:sp>
          <p:nvSpPr>
            <p:cNvPr id="62" name="TextBox 61">
              <a:extLst>
                <a:ext uri="{FF2B5EF4-FFF2-40B4-BE49-F238E27FC236}">
                  <a16:creationId xmlns:a16="http://schemas.microsoft.com/office/drawing/2014/main" id="{3A41ADC9-D269-25AE-B213-7265D37A9662}"/>
                </a:ext>
              </a:extLst>
            </p:cNvPr>
            <p:cNvSpPr txBox="1"/>
            <p:nvPr/>
          </p:nvSpPr>
          <p:spPr>
            <a:xfrm>
              <a:off x="3329110" y="4785345"/>
              <a:ext cx="66749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ptos Display" panose="020B0004020202020204" pitchFamily="34" charset="0"/>
                  <a:ea typeface="+mn-ea"/>
                  <a:cs typeface="+mn-cs"/>
                </a:rPr>
                <a:t>10K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ptos Display" panose="020B0004020202020204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63" name="Group 62">
            <a:extLst>
              <a:ext uri="{FF2B5EF4-FFF2-40B4-BE49-F238E27FC236}">
                <a16:creationId xmlns:a16="http://schemas.microsoft.com/office/drawing/2014/main" id="{CEBB9939-2999-08FF-BEBB-63E543DDAF0F}"/>
              </a:ext>
            </a:extLst>
          </p:cNvPr>
          <p:cNvGrpSpPr/>
          <p:nvPr/>
        </p:nvGrpSpPr>
        <p:grpSpPr>
          <a:xfrm>
            <a:off x="6762711" y="4851929"/>
            <a:ext cx="857289" cy="276999"/>
            <a:chOff x="4279230" y="4788155"/>
            <a:chExt cx="857289" cy="276999"/>
          </a:xfrm>
        </p:grpSpPr>
        <p:pic>
          <p:nvPicPr>
            <p:cNvPr id="481" name="Graphic 480" descr="Signal with solid fill">
              <a:extLst>
                <a:ext uri="{FF2B5EF4-FFF2-40B4-BE49-F238E27FC236}">
                  <a16:creationId xmlns:a16="http://schemas.microsoft.com/office/drawing/2014/main" id="{753FBC04-6BA6-117B-C8CF-E0BE5413B8A8}"/>
                </a:ext>
              </a:extLst>
            </p:cNvPr>
            <p:cNvPicPr>
              <a:picLocks noChangeAspect="1"/>
            </p:cNvPicPr>
            <p:nvPr/>
          </p:nvPicPr>
          <p:blipFill>
            <a:blip r:embed="rId171" cstate="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2"/>
                </a:ext>
              </a:extLst>
            </a:blip>
            <a:stretch>
              <a:fillRect/>
            </a:stretch>
          </p:blipFill>
          <p:spPr>
            <a:xfrm flipH="1">
              <a:off x="4279230" y="4788155"/>
              <a:ext cx="274320" cy="274320"/>
            </a:xfrm>
            <a:prstGeom prst="rect">
              <a:avLst/>
            </a:prstGeom>
          </p:spPr>
        </p:pic>
        <p:sp>
          <p:nvSpPr>
            <p:cNvPr id="482" name="TextBox 481">
              <a:extLst>
                <a:ext uri="{FF2B5EF4-FFF2-40B4-BE49-F238E27FC236}">
                  <a16:creationId xmlns:a16="http://schemas.microsoft.com/office/drawing/2014/main" id="{110E21A1-CB9B-987F-4FFD-74A817E1E8C4}"/>
                </a:ext>
              </a:extLst>
            </p:cNvPr>
            <p:cNvSpPr txBox="1"/>
            <p:nvPr/>
          </p:nvSpPr>
          <p:spPr>
            <a:xfrm>
              <a:off x="4469022" y="4788155"/>
              <a:ext cx="66749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ptos Display" panose="020B0004020202020204" pitchFamily="34" charset="0"/>
                  <a:ea typeface="+mn-ea"/>
                  <a:cs typeface="+mn-cs"/>
                </a:rPr>
                <a:t>105K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ptos Display" panose="020B0004020202020204" pitchFamily="34" charset="0"/>
                <a:ea typeface="+mn-ea"/>
                <a:cs typeface="+mn-cs"/>
              </a:endParaRPr>
            </a:p>
          </p:txBody>
        </p:sp>
      </p:grpSp>
      <p:pic>
        <p:nvPicPr>
          <p:cNvPr id="483" name="Graphic 482" descr="Download outline">
            <a:extLst>
              <a:ext uri="{FF2B5EF4-FFF2-40B4-BE49-F238E27FC236}">
                <a16:creationId xmlns:a16="http://schemas.microsoft.com/office/drawing/2014/main" id="{6E4CEE0C-76FB-8D67-0ACB-623712C6323E}"/>
              </a:ext>
            </a:extLst>
          </p:cNvPr>
          <p:cNvPicPr>
            <a:picLocks noChangeAspect="1"/>
          </p:cNvPicPr>
          <p:nvPr/>
        </p:nvPicPr>
        <p:blipFill>
          <a:blip r:embed="rId17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4"/>
              </a:ext>
            </a:extLst>
          </a:blip>
          <a:stretch>
            <a:fillRect/>
          </a:stretch>
        </p:blipFill>
        <p:spPr>
          <a:xfrm>
            <a:off x="8405309" y="4865423"/>
            <a:ext cx="274320" cy="2743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1251410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iNDg1NjRiNi0zZWU4LTQ3ZDQtYjFkMi0xYjZiNjAwZGRhZWEiLCJJbmRleCI6MCwiR3JvdXBJZCI6bnVsbCwiVGl0bGUiOiJTWFNXXHJBd2FyZCIsIkRhdGVUaW1lIjoiMjAwNy0wMy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TMxOSIsIlN0eWxlIjp7IiRpZCI6IjYiLCJUaXRsZVBvc2l0aW9uIjoiQWJvdmUiLCJEYXRlUG9zaXRpb24iOiJBYm92ZSIsIlNoYXBlVHlwZSI6OSwiU2hhcGVTaXplIjozLCJTcGFjaW5nIjow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UZvcm1hdCI6eyIkaWQiOiI5N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pZCI6IjEyNCIsIkEiOjAsIlIiOjI1NSwiRyI6MjU1LCJCIjoyNTV9fSwiSXNWaXNpYmxlIjp0cnVlLCJXaWR0aCI6MC4wLCJIZWlnaHQiOjAuMCwiQm9yZGVyU3R5bGUiOnsiJGlkIjoiMTI1IiwiTGluZUNvbG9yIjpudWxsLCJMaW5lV2VpZ2h0IjowLjAsIkxpbmVUeXBlIjowLCJQYXJlbnRTdHlsZSI6bnVsbH0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jciLCJEYXRlUGFydElzVmlzaWJsZSI6dHJ1ZSwiVGltZVBhcnRJc1Zpc2libGUiOmZhbHNlfX0sIldlZWtOdW1iZXJpbmciOnsiJGlkIjoiMTI4IiwiRm9ybWF0IjowLCJJc1Zpc2libGUiOmZhbHNlLCJMYXN0S25vd25WaXNpYmlsaXR5U3RhdGUiOmZhbHNlfSwiSXNWaXNpYmxlIjp0cnVlLCJQYXJlbnRTdHlsZSI6bnVsbH0sIkh5cGVybGluayI6bnVsbCwiSW1wb3J0SWQiOiJBY3F1aXNpdGlvbiBvZiBWaW5lIn0seyIkaWQiOiIxMjkiLCJJZCI6IjVmNTJjNDAwLTg2MmMtNGZhYy04M2VkLWMxOGM4NTJkMDQ2YyIsIkluZGV4Ijo0LCJHcm91cElkIjpudWxsLCJUaXRsZSI6IiBHbmlwIiwiRGF0ZVRpbWUiOiIyMDE0LTAx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MCwiUiI6MjU1LCJHIjoyNTUsIkIiOjI1NX19LCJJc1Zpc2libGUiOnRydWUsIldpZHRoIjowLjAsIkhlaWdodCI6MC4wLCJCb3JkZXJTdHlsZSI6eyIkaWQiOiIxNTYiLCJMaW5lQ29sb3IiOm51bGwsIkxpbmVXZWlnaHQiOjAuMCwiTGluZVR5cGUiOjAsIlBhcmVudFN0eWxlIjpudWxsfSwiUGFyZW50U3R5bGUiOm51bGx9LCJEYXRlRm9ybWF0Ijp7IiRpZCI6IjE1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4OSIsIkRhdGVQYXJ0SXNWaXNpYmxlIjp0cnVlLCJUaW1lUGFydElzVmlzaWJsZSI6ZmFsc2V9fSwiV2Vla051bWJlcmluZyI6eyIkaWQiOiIxOTAiLCJGb3JtYXQiOjAsIklzVmlzaWJsZSI6ZmFsc2UsIkxhc3RLbm93blZpc2liaWxpdHlTdGF0ZSI6ZmFsc2V9LCJJc1Zpc2libGUiOnRydWUsIlBhcmVudFN0eWxlIjpudWxsfSwiSHlwZXJsaW5rIjpudWxsLCJJbXBvcnRJZCI6IlJldHVybiBvZiBKYWNrIERvcnNleSBhcyBpbnRlcmltIENFTyJ9LHsiJGlkIjoiMTkxIiwiSWQiOiIyOTQ3M2ZhNy03ZmRmLTQyMzYtYWRmNi01MmI2ZjdiNzA3OTYiLCJJbmRleCI6NiwiR3JvdXBJZCI6bnVsbCwiVGl0bGUiOiIgTW9tZW50cyIsIkRhdGVUaW1lIjoiMjAxNi0wMy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MCwiUiI6MjU1LCJHIjoyNTUsIkIiOjI1NX1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xMyIsIkRhdGVQYXJ0SXNWaXNpYmxlIjp0cnVlLCJUaW1lUGFydElzVmlzaWJsZSI6ZmFsc2V9fSwiV2Vla051bWJlcmluZyI6eyIkaWQiOiIzMTQiLCJGb3JtYXQiOjAsIklzVmlzaWJsZSI6ZmFsc2UsIkxhc3RLbm93blZpc2liaWxpdHlTdGF0ZSI6ZmFsc2V9LCJJc1Zpc2libGUiOnRydWUsIlBhcmVudFN0eWxlIjpudWxsfSwiSHlwZXJsaW5rIjpudWxsLCJJbXBvcnRJZCI6IkJhbiBvbiBwb2xpdGljYWwgYWR2ZXJ0aXNpbmcifSx7IiRpZCI6IjMxNSIsIklkIjoiNjg2NWI3YmYtMmY0Mi00NDdiLWIxYWItY2VlMDc3ZGU1ODY4IiwiSW5kZXgiOjEwLCJHcm91cElkIjpudWxsLCJUaXRsZSI6IkZsZWV0cyIsIkRhdGVUaW1lIjoiMjAyMC0xMS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MyOSIsIlRvcCI6MC4wLCJMZWZ0IjowLjAsIlJpZ2h0IjowLjAsIkJvdHRvbSI6MC4wfSwiUGFkZGluZyI6eyIkaWQiOiIzMzAiLCJUb3AiOjAuMCwiTGVmdCI6MC4wLCJSaWdodCI6MC4wLCJCb3R0b20iOjAuMH0sIkJhY2tncm91bmQiOnsiJGlkIjoiMzMxIiwiQ29sb3IiOnsiJGlkIjoiMzMyIiwiQSI6MCwiUiI6MjU1LCJHIjoyNTUsIkIiOjI1NX1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NDQiLCJEYXRlUGFydElzVmlzaWJsZSI6dHJ1ZSwiVGltZVBhcnRJc1Zpc2libGUiOmZhbHNlfX0sIldlZWtOdW1iZXJpbmciOnsiJGlkIjoiMzQ1IiwiRm9ybWF0IjowLCJJc1Zpc2libGUiOmZhbHNlLCJMYXN0S25vd25WaXNpYmlsaXR5U3RhdGUiOmZhbHNlfSwiSXNWaXNpYmxlIjp0cnVlLCJQYXJlbnRTdHlsZSI6bnVsbH0sIkh5cGVybGluayI6bnVsbCwiSW1wb3J0SWQiOiJJbnRyb2R1Y3Rpb24gb2YgRmxlZXRzIn0seyIkaWQiOiIzNDYiLCJJZCI6IjA3Mzc4OGY4LTUwMGMtNDU2OS1hOTZjLWExOWMxNWU4YWIwMyIsIkluZGV4IjoxMSwiR3JvdXBJZCI6bnVsbCwiVGl0bGUiOiJcclNwYWNlcyIsIkRhdGVUaW1lIjoiMjAyMS0wMy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eko5ZlE9PSIsIlN0eWxlIjp7IiRpZCI6IjM3OCIsIlRpdGxlUG9zaXRpb24iOiJCZWxvdyIsIkRhdGVQb3NpdGlvbiI6IkJlbG93IiwiU2hhcGVUeXBlIjo5LCJTaGFwZVNpemUiOjMsIlNwYWNpbmciOjAsIlNoYXBl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pZCI6IjQwMyIsIkEiOjAsIlIiOjI1NSwiRyI6MjU1LCJCIjoyNTV9fSwiSXNWaXNpYmxlIjp0cnVlLCJXaWR0aCI6MC4wLCJIZWlnaHQiOjAuMCwiQm9yZGVyU3R5bGUiOnsiJGlkIjoiNDA0IiwiTGluZUNvbG9yIjpudWxsLCJMaW5lV2VpZ2h0IjowLjAsIkxpbmVUeXBlIjowLCJQYXJlbnRTdHlsZSI6bnVsbH0sIlBhcmVudFN0eWxlIjpudWxsfSwiRGF0ZUZvcm1hdCI6eyIkaWQiOiI0MD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4LCJGb250TmFtZSI6IkNhbGlicmkiLCJJc0JvbGQiOmZhbHNlLCJJc0l0YWxpYyI6ZmFsc2UsIklzVW5kZXJsaW5lZCI6ZmFsc2UsIlBhcmVudFN0eWxlIjpudWxsfSwiQXV0b1NpemUiOjIsIkZvcmVncm91bmQiOnsiJGlkIjoiNDkyIiwiQ29sb3IiOnsiJGlkIjoiNDkzIiwiQSI6MjU1LCJSIjoyOSwiRyI6MTYxLCJCIjoyNDJ9fSwiTWF4V2lkdGgiOjI3LjAsIk1heEhlaWdodCI6IkluZmluaXR5IiwiU21hcnRGb3JlZ3JvdW5kSXNBY3RpdmUiOmZhbHNlLCJIb3Jpem9udGFsQWxpZ25tZW50IjoxLCJWZXJ0aWNhbEFsaWdubWVudCI6MS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AsIlIiOjI1NSwiRyI6MjU1LCJCIjoyNTV9fSwiSXNWaXNpYmxlIjp0cnVlLCJXaWR0aCI6MC4wLCJIZWlnaHQiOjAuMCwiQm9yZGVyU3R5bGUiOnsiJGlkIjoiNDk4IiwiTGluZUNvbG9yIjpudWxsLCJMaW5lV2VpZ2h0IjowLjAsIkxpbmVUeXBlIjowLCJQYXJlbnRTdHlsZSI6bnVsbH0sIlBhcmVudFN0eWxlIjpudWxsfSwiRGF0ZUZvcm1hdCI6eyIkaWQiOiI0OT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1MDAiLCJEYXRlUGFydElzVmlzaWJsZSI6dHJ1ZSwiVGltZVBhcnRJc1Zpc2libGUiOmZhbHNlfX0sIldlZWtOdW1iZXJpbmciOnsiJGlkIjoiNTAxIiwiRm9ybWF0IjowLCJJc1Zpc2libGUiOmZhbHNlLCJMYXN0S25vd25WaXNpYmlsaXR5U3RhdGUiOmZhbHNlfSwiSXNWaXNpYmxlIjp0cnVlLCJQYXJlbnRTdHlsZSI6bnVsbH0sIkh5cGVybGluayI6bnVsbCwiSW1wb3J0SWQiOiJTZXJpZXMgQiBmdW5kaW5nIHJvdW5kIn0seyIkaWQiOiI1MDIiLCJJZCI6IjhlMzlhYTIzLTI1ZDAtNGMxMy04MjViLTQwYzgyOTM4MDg0MSIsIkluZGV4IjoxNiwiR3JvdXBJZCI6bnVsbCwiVGl0bGUiOiJQcm9tb3RlZFxyVHdlZXRzIiwiRGF0ZVRpbWUiOiIyMDEwLTA0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1MTYiLCJUb3AiOjAuMCwiTGVmdCI6MC4wLCJSaWdodCI6MC4wLCJCb3R0b20iOjAuMH0sIlBhZGRpbmciOnsiJGlkIjoiNTE3IiwiVG9wIjowLjAsIkxlZnQiOjAuMCwiUmlnaHQiOjAuMCwiQm90dG9tIjowLjB9LCJCYWNrZ3JvdW5kIjp7IiRpZCI6IjUxOCIsIkNvbG9yIjp7IiRpZCI6IjUxOSIsIkEiOjAsIlIiOjI1NSwiRyI6MjU1LCJCIjoyNTV9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kgxOSIsIlN0eWxlIjp7IiRpZCI6IjY1OSIsIlRpdGxlUG9zaXRpb24iOiJCZWxvdyIsIkRhdGVQb3NpdGlvbiI6IkJlbG93IiwiU2hhcGVUeXBlIjo5LCJTaGFwZVNpemUiOjMsIlNwYWNpbmciOjAsIlNoYXBl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eyIkaWQiOiI3MTYiLCJMaW5lQ29sb3IiOm51bGwsIkxpbmVXZWlnaHQiOjAuMCwiTGluZVR5cGUiOjAsIlBhcmVudFN0eWxlIjpudWxsfSwiUGFyZW50U3R5bGUiOm51bGx9LCJEYXRlRm9ybWF0Ijp7IiRpZCI6Ijcx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WpOOWZRPT0iLCJTdHlsZSI6eyIkaWQiOiI3ODMiLCJUaXRsZVBvc2l0aW9uIjoiQmVsb3ciLCJEYXRlUG9zaXRpb24iOiJCZWxvdyIsIlNoYXBlVHlwZSI6OSwiU2hhcGVTaXplIjozLCJTcGFjaW5nIjowLCJTaGFwZV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4IiwiRm9ybWF0IjowLCJJc1Zpc2libGUiOmZhbHNlLCJMYXN0S25vd25WaXNpYmlsaXR5U3RhdGUiOmZhbHNlfSwiSXNWaXNpYmxlIjp0cnVlLCJQYXJlbnRTdHlsZSI6bnVsbCwiX2V4cGxpY2l0bHlTZXQiOnsiJGlkIjoiMTA0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wNjgiLCJUb3AiOjAuMCwiTGVmdCI6MC4wLCJSaWdodCI6MC4wLCJCb3R0b20iOjAuMH0sIlBhZGRpbmciOnsiJGlkIjoiMTA2OSIsIlRvcCI6MC4wLCJMZWZ0IjowLjAsIlJpZ2h0IjowLjAsIkJvdHRvbSI6MC4wfSwiQmFja2dyb3VuZCI6eyIkaWQiOiIxMDcwIiwiQ29sb3IiOnsiJGlkIjoiMTA3MSIsIkEiOjI1NSwiUiI6MCwiRyI6MCwiQiI6MH1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jU1LCJSIjoxNCwiRyI6NDAsIkIiOjY1fX0sIklzVmlzaWJsZSI6dHJ1ZSwiV2lkdGgiOjAuMCwiSGVpZ2h0IjowLjAsIkJvcmRlclN0eWxlIjp7IiRpZCI6IjExMTAiLCJMaW5lQ29sb3IiOm51bGwsIkxpbmVXZWlnaHQiOjAuMCwiTGluZVR5cGUiOjAsIlBhcmVudFN0eWxlIjpudWxsfSwiUGFyZW50U3R5bGUiOm51bGx9LCJEYXRlRm9ybWF0Ijp7IiRpZCI6IjEx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3OCIsIkZvcm1hdCI6MCwiSXNWaXNpYmxlIjpmYWxzZSwiTGFzdEtub3duVmlzaWJpbGl0eVN0YXRlIjpmYWxzZX0sIklzVmlzaWJsZSI6dHJ1ZSwiUGFyZW50U3R5bGUiOm51bGwsIl9leHBsaWNpdGx5U2V0Ijp7IiRpZCI6IjEz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NiIsIkZvcm1hdCI6MCwiSXNWaXNpYmxlIjpmYWxzZSwiTGFzdEtub3duVmlzaWJpbGl0eVN0YXRlIjpmYWxzZX0sIklzVmlzaWJsZSI6dHJ1ZSwiUGFyZW50U3R5bGUiOm51bGwsIl9leHBsaWNpdGx5U2V0Ijp7IiRpZCI6IjE0OD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Y1IiwiRm9ybWF0IjowLCJJc1Zpc2libGUiOmZhbHNlLCJMYXN0S25vd25WaXNpYmlsaXR5U3RhdGUiOmZhbHNlfSwiSXNWaXNpYmxlIjp0cnVlLCJQYXJlbnRTdHlsZSI6bnVsbCwiX2V4cGxpY2l0bHlTZXQiOnsiJGlkIjoiMTY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Q0IiwiRm9ybWF0IjowLCJJc1Zpc2libGUiOmZhbHNlLCJMYXN0S25vd25WaXNpYmlsaXR5U3RhdGUiOmZhbHNlfSwiSXNWaXNpYmxlIjp0cnVlLCJQYXJlbnRTdHlsZSI6bnVsbCwiX2V4cGxpY2l0bHlTZXQiOnsiJGlkIjoiMTg0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aWQiOiIxODYyIiwiQ29sb3IiOnsiJGlkIjoiMTg2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MyIsIkZvcm1hdCI6MCwiSXNWaXNpYmxlIjpmYWxzZSwiTGFzdEtub3duVmlzaWJpbGl0eVN0YXRlIjpmYWxzZX0sIklzVmlzaWJsZSI6dHJ1ZSwiUGFyZW50U3R5bGUiOm51bGwsIl9leHBsaWNpdGx5U2V0Ijp7IiRpZCI6IjIwMj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016WjlmUT09IiwiSHlwZXJsaW5rIjp7IiRpZCI6IjI1MDciLCJBZGRyZXNzIjpudWxsLCJTdWJBZGRyZXNzIjpudWxsfSwiSXNDaGFuZ2VkIjpmYWxzZSwiSXNOZXciOmZhbHNlfV0sIlRhc2tzIjpbXSwiU3dpbWxhbmVzIjpbXSwiTXNQcm9qZWN0SXRlbXNUcmVlIjp7IiRpZCI6IjI1MDgiLCJSb290Ijp7IkltcG9ydElkIjpudWxsLCJJc0ltcG9ydGVkIjpmYWxzZSwiQ2hpbGRyZW4iOltdfX0sIk1ldGFkYXRhIjp7IiRpZCI6IjI1MDkiLCJTb3VyY2VUaGVtZSI6IntcIiRpZFwiOlwiMVwiLFwiSWRcIjpcImM5YWZmMjc4LWY2MjAtNDMwMC1iZmRiLWI4ODQwYTg2NWE3MlwiLFwiQ2F0ZWdvcnlcIjox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zLFwiR1wiOjExMyxcIkJcIjo1M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MyLFwiR1wiOjIzMixcIkJcIjoyMzJ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E0LFwiR1wiOjQw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z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NTEsXCJSXCI6MjEsXCJHXCI6OTYsXCJCXCI6MTMwfX0sXCJMaW5lV2VpZ2h0XCI6MS4wLFwiTGluZVR5cGVcIjowfSxcIklzVmlzaWJsZVwiOnRydWV9LFwiVmVydGljYWxDb25uZWN0b3JTdHlsZVwiOntcIiRpZFwiOlwiNjBcIixcIkxpbmVTdHlsZVwiOntcIiRpZFwiOlwiNjFcIixcIkxpbmVDb2xvclwiOntcIiRpZFwiOlwiNjJcIixcIkNvbG9yXCI6e1wiJGlkXCI6XCI2M1wiLFwiQVwiOjUxLFwiUlwiOjIxLFwiR1wiOjk2LFwiQlwiOjEzMH19LFwiTGluZVdlaWdodFwiOjE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xLFwiR1wiOjk2LFwiQlwiOjEzMH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xNCxcIkdcIjo0MCxcIkJcIjo2N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zMyxcIkdcIjoxMTMsXCJCXCI6NTB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MTQsXCJHXCI6NDAsXCJCXCI6NjV9fSxcIkhvcml6b250YWxBbGlnbm1lbnRcIjowLFwiSXNWaXNpYmxlXCI6dHJ1ZX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MzMsXCJHXCI6MTEzLFwiQlwiOjUw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E0LFwiR1wiOjQwLFwiQlwiOjY1fX0sXCJIb3Jpem9udGFsQWxpZ25tZW50XCI6MC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MSxcIkdcIjo5NixcIkJcIjoxMzB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z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MSxcIkdcIjo5NixcIkJcIjoxMz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MSxcIkdcIjo5NixcIkJcIjoxMzB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E0LFwiR1wiOjQwLFwiQlwiOjY1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MixcIkdcIjoyMzIsXCJCXCI6MjMyfX0sXCJIb3Jpem9udGFsQWxpZ25tZW50XCI6MS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IxLFwiR1wiOjk2LFwiQlwiOjEzMH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ZmFsc2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xNCxcIkdcIjo0MCxcIkJcIjo2NX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LFwiR1wiOjQ4LFwiQlwiOjY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TQsXCJHXCI6NDAsXCJCXCI6NjV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I1NSxcIkdcIjoyNTUsXCJCXCI6MjU1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jMzLFwiR1wiOjExMyxcIkJcIjo1MH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M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zMyxcIkdcIjoxMTMsXCJCXCI6NTB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wMCxcIkdcIjoyMDAsXCJCXCI6MjAw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MzLFwiR1wiOjExMyxcIkJcIjo1MH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TQsXCJHXCI6NDAsXCJCXCI6NjV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jMzLFwiR1wiOjExMyxcIkJcIjo1MH19LFwiSXNWaXNpYmxlXCI6dHJ1ZSxcIldpZHRoXCI6MC4wLFwiSGVpZ2h0XCI6MTA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ZmFsc2UsXCJJc0l0YWxpY1wiOmZhbHNlLFwiSXNVbmRlcmxpbmVkXCI6ZmFsc2V9LFwiRm9yZWdyb3VuZFwiOntcIiRpZFwiOlwiMzM5XCIsXCJDb2xvclwiOntcIiRpZFwiOlwiMzQwXCIsXCJBXCI6MjU1LFwiUlwiOjAsXCJHXCI6MCxcIkJcIjowfX0sXCJIb3Jpem9udGFsQWxpZ25tZW50XCI6MC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xNCxcIkdcIjo0MCxcIkJcIjo2NX19LFwiSG9yaXpvbnRhbEFsaWdubWVudFwiOjI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yOCxcIkdcIjo1MyxcIkJcIjoxNH19LFwiSXNWaXNpYmxlXCI6dHJ1ZSxcIldpZHRoXCI6MTIuMCxcIkhlaWdodFwiOjE0LjAsXCJCb3JkZXJTdHlsZVwiOntcIiRpZFwiOlwiMzU0XCIsXCJMaW5lU3R5bGVcIjp7XCIkaWRcIjpcIjM1NVwiLFwiTGluZUNvbG9yXCI6e1wiJGlkXCI6XCIzNTZcIixcIkNvbG9yXCI6e1wiJGlkXCI6XCIzNTdcIixcIkFcIjoyNTUsXCJSXCI6MjU1LFwiR1wiOjI1NSxcIkJcIjoyNTV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xNCxcIkdcIjo0MCxcIkJcIjo2NX19LFwiSG9yaXpvbnRhbEFsaWdubWVudFwiOjE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NSxcIkdcIjoxMDcsXCJCXCI6MzZ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z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NSxcIkdcIjoxMDcsXCJCXCI6MzZ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wMCxcIkdcIjoyMDAsXCJCXCI6MjAw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UsXCJHXCI6MTA3LFwiQlwiOjM2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xNCxcIkdcIjo0MCxcIkJcIjo2N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x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TQsXCJHXCI6NDAsXCJCXCI6NjV9fSxcIkhvcml6b250YWxBbGlnbm1lbnRcIjoy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xNCxcIkdcIjo0MCxcIkJcIjo2NX19LFwiSG9yaXpvbnRhbEFsaWdubWVudFwiOjE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I1NSxcIlJcIjoxNSxcIkdcIjoxNTgsXCJCXCI6MjEzfX0sXCJJc1Zpc2libGVcIjp0cnVlLFwiV2lkdGhcIjowLjAsXCJIZWlnaHRcIjowLjAsXCJCb3JkZXJTdHlsZVwiOntcIiRpZFwiOlwiNTAwXCIsXCJMaW5lU3R5bGVcIjp7XCIkaWRcIjpcIjUwMVwiLFwiTGluZUNvbG9yXCI6e1wiJGlkXCI6XCI1MDJcIixcIkNvbG9yXCI6e1wiJGlkXCI6XCI1MDNcIixcIkFcIjoyNTUsXCJSXCI6MjU1LFwiR1wiOjI1NSxcIkJcIjoyNTV9fSxcIkxpbmVXZWlnaHRcIjowLjAsXCJMaW5lVHlwZVwiOjB9LFwiSXNWaXNpYmxlXCI6ZmFsc2V9f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1MSxcIlJcIjoyMDAsXCJHXCI6MjAwLFwiQlwiOjIwMH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IuMCxcIkxpbmVUeXBlXCI6MH0sXCJJc1Zpc2libGVcIjpmYWxzZX19LFwiSXNBYm92ZVRpbWViYW5kXCI6ZmFsc2UsXCJTcGFjaW5nXCI6My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MTI3LFwiUlwiOjE1LFwiR1wiOjE1OCxcIkJcIjoyMTN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NSxcIkdcIjoxNTgsXCJCXCI6MjEz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xNCxcIkdcIjo0MCxcIkJcIjo2NX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IsXCJHXCI6MjMyLFwiQlwiOjIzMn19LFwiSG9yaXpvbnRhbEFsaWdubWVudFwiOjEsXCJJc1Zpc2libGVcIjp0cnV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xNSxcIkdcIjoxNTgsXCJCXCI6MjEz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E0LFwiR1wiOjQwLFwiQlwiOjY1fX0sXCJIb3Jpem9udGFsQWxpZ25tZW50XCI6MixcIklzVmlzaWJsZVwiOnRydW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SxcIlNoYXBlU2l6ZVwiOjAsXCJEZXRhaWxzU3BhY2luZ1wiOjAuMCxcIlBhZGRpbmdcIjp7XCIkaWRcIjpcIjU5MFwiLFwiVG9wXCI6NS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TEsXCJHXCI6MTE4LFwiQlwiOjE1OX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E0LFwiR1wiOjQwLFwiQlwiOjY1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6-03-21T23:59:00.0000000"/>
  <p:tag name="OTLPOSITIONONTASK" val="None"/>
  <p:tag name="OTLRELATEDTASKID" val="00000000-0000-0000-0000-000000000000"/>
  <p:tag name="OTLMTITLE" val="The first tweet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6-07-15T23:59:00.0000000"/>
  <p:tag name="OTLPOSITIONONTASK" val="None"/>
  <p:tag name="OTLRELATEDTASKID" val="00000000-0000-0000-0000-000000000000"/>
  <p:tag name="OTLMTITLE" val="Official launch of Twitter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EO transition"/>
  <p:tag name="OTLDATE" val="2008-05-01T23:59:00.0000000"/>
  <p:tag name="OTLPOSITIONONTASK" val="None"/>
  <p:tag name="OTLRELATEDTASKID" val="00000000-0000-0000-0000-000000000000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EO change"/>
  <p:tag name="OTLDATE" val="2010-10-01T23:59:00.0000000"/>
  <p:tag name="OTLPOSITIONONTASK" val="None"/>
  <p:tag name="OTLRELATEDTASKID" val="00000000-0000-0000-0000-000000000000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witter goes public"/>
  <p:tag name="OTLDATE" val="2013-11-07T23:59:00.0000000Z"/>
  <p:tag name="OTLPOSITIONONTASK" val="None"/>
  <p:tag name="OTLRELATEDTASKID" val="00000000-0000-0000-0000-000000000000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10-01T23:59:00.0000000"/>
  <p:tag name="OTLPOSITIONONTASK" val="None"/>
  <p:tag name="OTLRELATEDTASKID" val="00000000-0000-0000-0000-000000000000"/>
  <p:tag name="OTLMTITLE" val="Jack Dorsey becomes&#10;permanent CEO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27T23:59:00.0000000"/>
  <p:tag name="OTLPOSITIONONTASK" val="None"/>
  <p:tag name="OTLRELATEDTASKID" val="00000000-0000-0000-0000-000000000000"/>
  <p:tag name="OTLMTITLE" val="Musk buys Twitter, fires Agrawa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1-01T23:59:00.0000000"/>
  <p:tag name="OTLPOSITIONONTASK" val="None"/>
  <p:tag name="OTLRELATEDTASKID" val="00000000-0000-0000-0000-000000000000"/>
  <p:tag name="OTLMTITLE" val="Rebranding&#10;to &quot;X&quot;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1-08T23:59:00.0000000"/>
  <p:tag name="OTLPOSITIONONTASK" val="None"/>
  <p:tag name="OTLRELATEDTASKID" val="00000000-0000-0000-0000-000000000000"/>
  <p:tag name="OTLMTITLE" val="Twitter goes private"/>
  <p:tag name="OTLDATEFORMATSTRING" val="MMM yyyy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1-29T23:59:00.0000000"/>
  <p:tag name="OTLPOSITIONONTASK" val="None"/>
  <p:tag name="OTLRELATEDTASKID" val="00000000-0000-0000-0000-000000000000"/>
  <p:tag name="OTLDATEFORMATSTRING" val="MMM yyyy"/>
  <p:tag name="OTLMTITLE" val="New CEO&#10;Parag Agrawa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LEFTENDCAPSMARGINLEFT" val="39.5066666666667"/>
  <p:tag name="OTLTIMEBANDENDDATE" val="2024-06-16T23:59:00.000000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07-03-01T23:59:00.0000000Z"/>
  <p:tag name="OTLMTITLE" val="SXSW&#10;Award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08-07-01T23:59:00.0000000Z"/>
  <p:tag name="OTLMTITLE" val="Series B&#10;funding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09-02-01T23:59:00.0000000Z"/>
  <p:tag name="OTLMTITLE" val="Popularity surge &#10;high-profile users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09-06-01T23:59:00.0000000Z"/>
  <p:tag name="OTLMTITLE" val="Role in Iranian&#10;protests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0-04-01T23:59:00.0000000Z"/>
  <p:tag name="OTLMTITLE" val="Promoted&#10;Tweets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MTITLE" val="Photo sharing"/>
  <p:tag name="OTLDATE" val="2011-06-01T23:59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MTITLE" val="Activity &amp; Discover "/>
  <p:tag name="OTLDATE" val="2011-12-01T23:5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2-03-01T23:59:00.0000000Z"/>
  <p:tag name="OTLMTITLE" val="140 M monthly&#10;active users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2-10-01T23:59:00.0000000Z"/>
  <p:tag name="OTLMTITLE" val="Acquisition&#10;of Vin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MTITLE" val=" Gnip"/>
  <p:tag name="OTLDATE" val="2014-01-01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4-07-01T23:59:00.0000000Z"/>
  <p:tag name="OTLMTITLE" val="Analytics&#10;dashboard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5-06-01T23:59:00.0000000Z"/>
  <p:tag name="OTLMTITLE" val="Jack Dorsey&#10;Returns as CEO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MTITLE" val=" Moments"/>
  <p:tag name="OTLDATE" val="2016-03-01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6-04-01T23:59:00.0000000Z"/>
  <p:tag name="OTLMTITLE" val="Partnership&#10;with NF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7-11-01T23:59:00.0000000Z"/>
  <p:tag name="OTLMTITLE" val="Character limit&#10;expansio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7-12-01T23:59:00.0000000Z"/>
  <p:tag name="OTLMTITLE" val="New rules&#10;against harassment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8-08-01T23:59:00.0000000Z"/>
  <p:tag name="OTLMTITLE" val="Violent accounts&#10;suspended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9-06-01T23:59:00.0000000Z"/>
  <p:tag name="OTLMTITLE" val="Redesigned &#10;websit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19-10-01T23:59:00.0000000Z"/>
  <p:tag name="OTLMTITLE" val="Ban on political&#10;advertisin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20-07-01T23:59:00.0000000Z"/>
  <p:tag name="OTLMTITLE" val="High-profile&#10;account hack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MTITLE" val="Fleets"/>
  <p:tag name="OTLDATE" val="2020-11-01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21-03-01T23:59:00.0000000Z"/>
  <p:tag name="OTLMTITLE" val="&#10;Spaces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21-04-01T23:59:00.0000000Z"/>
  <p:tag name="OTLMTITLE" val="Acquisition of&#10;Revu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21-06-01T23:59:00.0000000Z"/>
  <p:tag name="OTLMTITLE" val="Fleets &#10;shutdown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22-04-01T23:59:00.0000000Z"/>
  <p:tag name="OTLMTITLE" val="Musk&#10;top&#10;shareholder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MTITLE" val="Twitter Blue"/>
  <p:tag name="OTLDATE" val="2023-01-01T23:59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FORMATSTRING" val="MMM yyyy"/>
  <p:tag name="OTLDATE" val="2023-03-01T23:59:00.0000000Z"/>
  <p:tag name="OTLMTITLE" val="New verification&#10;system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DATE" val="2007-04-01T23:59:00.0000000Z"/>
  <p:tag name="OTLMTITLE" val="Number of&#10;Tweets grows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FORMATSTRING" val="MMM yyyy"/>
  <p:tag name="OTLDATE" val="2024-05-16T23:59:00.0000000Z"/>
  <p:tag name="OTLMTITLE" val="611 M monthly&#10;active users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FORMATSTRING" val="MMM yyyy"/>
  <p:tag name="OTLDATE" val="2023-07-01T23:59:00.0000000Z"/>
  <p:tag name="OTLMTITLE" val="Negative&#10;cash&#10;flow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4</Words>
  <Application>Microsoft Office PowerPoint</Application>
  <PresentationFormat>On-screen Show (16:9)</PresentationFormat>
  <Paragraphs>139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ptos Display</vt:lpstr>
      <vt:lpstr>Aptos ExtraBold</vt:lpstr>
      <vt:lpstr>Aptos Light</vt:lpstr>
      <vt:lpstr>Arial</vt:lpstr>
      <vt:lpstr>Calibri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4-19T06:45:17Z</dcterms:created>
  <dcterms:modified xsi:type="dcterms:W3CDTF">2024-07-01T14:57:29Z</dcterms:modified>
</cp:coreProperties>
</file>